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s028538\OneDrive - SEA\Desktop\VM Nuovo Portale Fornitori_2024\STRUTTURA ALBERO\File x Ancilotti\2025\"/>
    </mc:Choice>
  </mc:AlternateContent>
  <bookViews>
    <workbookView xWindow="-105" yWindow="-105" windowWidth="23250" windowHeight="13170"/>
  </bookViews>
  <sheets>
    <sheet name="CategoryTree_20250409" sheetId="1" r:id="rId1"/>
  </sheets>
  <definedNames>
    <definedName name="_xlnm._FilterDatabase" localSheetId="0" hidden="1">CategoryTree_20250409!$B$4:$D$380</definedName>
    <definedName name="_xlnm.Print_Area" localSheetId="0">CategoryTree_20250409!$A$1:$D$381</definedName>
    <definedName name="_xlnm.Print_Titles" localSheetId="0">CategoryTree_20250409!$4:$4</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85" uniqueCount="791">
  <si>
    <t>A</t>
  </si>
  <si>
    <t>FORNITURE/RICAMBI</t>
  </si>
  <si>
    <t>A01</t>
  </si>
  <si>
    <t>Attrezzatura e mezzi specifici al business aeroportuale e relativa manutenzione</t>
  </si>
  <si>
    <t>A01AA</t>
  </si>
  <si>
    <t>Ambulift</t>
  </si>
  <si>
    <t>A01AA01</t>
  </si>
  <si>
    <t>A01AB</t>
  </si>
  <si>
    <t>Attrezzature per sgombero neve/ghiaccio</t>
  </si>
  <si>
    <t>A01AB01</t>
  </si>
  <si>
    <t>Battipista</t>
  </si>
  <si>
    <t>A01AB02</t>
  </si>
  <si>
    <t>Lame per neve</t>
  </si>
  <si>
    <t>A01AB03</t>
  </si>
  <si>
    <t>Macchine per spargimento sale e sghiaccianti</t>
  </si>
  <si>
    <t>A01AB04</t>
  </si>
  <si>
    <t>Soffianti per pulizia piste</t>
  </si>
  <si>
    <t>A01AC</t>
  </si>
  <si>
    <t>Spazzatrici aspiranti aeroportuali</t>
  </si>
  <si>
    <t>A01AC01</t>
  </si>
  <si>
    <t>A01AD</t>
  </si>
  <si>
    <t>Attrezzature di emergenza - aircraft recovery</t>
  </si>
  <si>
    <t>A01AD01</t>
  </si>
  <si>
    <t>A01AE</t>
  </si>
  <si>
    <t xml:space="preserve">Botti igieniche e per usi specifici </t>
  </si>
  <si>
    <t>A01AEN1</t>
  </si>
  <si>
    <t>Botti igieniche e per usi specifici</t>
  </si>
  <si>
    <t>Botti acqua potabile/botti igieniche, botti carburante, botti Killfrost, acqua calda</t>
  </si>
  <si>
    <t>A01AF</t>
  </si>
  <si>
    <t>Bus interpista</t>
  </si>
  <si>
    <t>A01AF01</t>
  </si>
  <si>
    <t>A01AG</t>
  </si>
  <si>
    <t>Cargo loader e loader transporter</t>
  </si>
  <si>
    <t>A01AGN1</t>
  </si>
  <si>
    <t>A01AH</t>
  </si>
  <si>
    <t>Carrelli bagagli e merci</t>
  </si>
  <si>
    <t>A01AHN1</t>
  </si>
  <si>
    <t>Carrelli bagagli sfusi, carrelli gondola, carrelli self-service passeggeri, dolly, carrello porta pallet</t>
  </si>
  <si>
    <t>A01AH06</t>
  </si>
  <si>
    <t>Teli antipioggia</t>
  </si>
  <si>
    <t>A01AI</t>
  </si>
  <si>
    <t>Nastri trasportatori</t>
  </si>
  <si>
    <t>A01AIN1</t>
  </si>
  <si>
    <t>Nastri trasportatori trainati, nastri trasportatori semoventi</t>
  </si>
  <si>
    <t>A01AJ</t>
  </si>
  <si>
    <t>Compressori</t>
  </si>
  <si>
    <t>A01AJ01</t>
  </si>
  <si>
    <t>Compressori semoventi</t>
  </si>
  <si>
    <t>A01AK</t>
  </si>
  <si>
    <t>Condizionatori per aeromobili</t>
  </si>
  <si>
    <t>A01AKN1</t>
  </si>
  <si>
    <t>Condizionatori semoventi, condizionatori trainati</t>
  </si>
  <si>
    <t>A01AL</t>
  </si>
  <si>
    <t xml:space="preserve">De-icer </t>
  </si>
  <si>
    <t>A01AL01</t>
  </si>
  <si>
    <t>De-icer</t>
  </si>
  <si>
    <t>A01AM</t>
  </si>
  <si>
    <t>Friction Test</t>
  </si>
  <si>
    <t>A01AM01</t>
  </si>
  <si>
    <t>A01AN</t>
  </si>
  <si>
    <t>Generatori per aeromobili</t>
  </si>
  <si>
    <t>A01ANN1</t>
  </si>
  <si>
    <t>Generatori per aeromobili semoventi, generatori per aeromobili trainati</t>
  </si>
  <si>
    <t>A01AO</t>
  </si>
  <si>
    <t>Piattaforme aeree</t>
  </si>
  <si>
    <t>A01AO01</t>
  </si>
  <si>
    <t>A01AP</t>
  </si>
  <si>
    <t>Scale passeggeri per aeromobili</t>
  </si>
  <si>
    <t>A01APN1</t>
  </si>
  <si>
    <t>Scale passeggeri semoventi, scale passeggeri trainate, scale di servizio</t>
  </si>
  <si>
    <t>A01AQ</t>
  </si>
  <si>
    <t>Sedie a rotelle per aeromobili</t>
  </si>
  <si>
    <t>A01AQ01</t>
  </si>
  <si>
    <t>A01AR</t>
  </si>
  <si>
    <t>Transporters</t>
  </si>
  <si>
    <t>A01AR01</t>
  </si>
  <si>
    <t>A01AS</t>
  </si>
  <si>
    <t xml:space="preserve">Trattori traino carrelli </t>
  </si>
  <si>
    <t>A01ASN1</t>
  </si>
  <si>
    <t>Trattori diesel, trattori elettrici, trattori ibridi</t>
  </si>
  <si>
    <t>A01AT</t>
  </si>
  <si>
    <t>Trattori traino aeromobili e barre traino</t>
  </si>
  <si>
    <t>A01ATN1</t>
  </si>
  <si>
    <t>Trattori traino aeromobili con barra, barre traino trattori, towbarless</t>
  </si>
  <si>
    <t>A01ZA</t>
  </si>
  <si>
    <t>Manutenzione mezzi e attrezzature speciali aeroportuali</t>
  </si>
  <si>
    <t>A01ZA01</t>
  </si>
  <si>
    <t>ambulift, towbarless, lame per neve, macchine spargimento sale e sghiaccianti, soffianti per pulizia piste, spazzatrici aspiranti aeroportuali, attrez. emergenza - aircraft recovery, botti, bus, cargo, loader, transporter, carrelli, dolly, nastri trasportatori, compressori, condizionatori, de-icer, friction, generatori per aeromobili, piattaforme aree, scale passeggeri, trattori, battipista</t>
  </si>
  <si>
    <t>A02</t>
  </si>
  <si>
    <t>Attrezzature e mezzi non specifici al business aeroport. e relativa manutenz.</t>
  </si>
  <si>
    <t>A02AA</t>
  </si>
  <si>
    <t xml:space="preserve">Attrezzatura elettrica </t>
  </si>
  <si>
    <t>A02AA01</t>
  </si>
  <si>
    <t>Attrezzatura elettrica varia</t>
  </si>
  <si>
    <t>A02AA03</t>
  </si>
  <si>
    <t>Raddrizzatori di corrente</t>
  </si>
  <si>
    <t>A02AB</t>
  </si>
  <si>
    <t>Apparecchiature di precisione e misura</t>
  </si>
  <si>
    <t>A02ABN1</t>
  </si>
  <si>
    <t>Rilevatori di radioattività, strumentazione di monitoraggio acustico, strumentazione di monitoraggio acque, bilance di precisione, pese a ponte, attrezzature per verifiche fotometriche/misurazioni, altre apparecchiature di precisione e misura</t>
  </si>
  <si>
    <t>A02AC</t>
  </si>
  <si>
    <t>Attrezzatura per infermeria</t>
  </si>
  <si>
    <t>A02AC01</t>
  </si>
  <si>
    <t>A02AD</t>
  </si>
  <si>
    <t>Attrezzatura/gas tecnici per officina</t>
  </si>
  <si>
    <t>A02ADN1</t>
  </si>
  <si>
    <t>Attrezzature per officina</t>
  </si>
  <si>
    <t>Aspiratutto, attrezzatura aspirazione fumi, filtri per officina, macchine utensili, saldatura: materiale e attrezzatura</t>
  </si>
  <si>
    <t>A02AD03</t>
  </si>
  <si>
    <t>Gas tecnici</t>
  </si>
  <si>
    <t>azoto, argon, anidride carbonica, elio, ossigeno, acetilene</t>
  </si>
  <si>
    <t>A02AE</t>
  </si>
  <si>
    <t>Attrezzatura per pulizia</t>
  </si>
  <si>
    <t>A02AEN1</t>
  </si>
  <si>
    <t>Aspirapolveri, idropulitrici, lance ad aria, spazzatrice, dotazione raccolta e movimentazione rifiuti</t>
  </si>
  <si>
    <t>A02AF</t>
  </si>
  <si>
    <t>Attrezzature per il sollevamento mezzi</t>
  </si>
  <si>
    <t>A02AF01</t>
  </si>
  <si>
    <t>ponti, gru</t>
  </si>
  <si>
    <t>A02AG</t>
  </si>
  <si>
    <t>Carrelli elevatori/transpallets</t>
  </si>
  <si>
    <t>A02AGN1</t>
  </si>
  <si>
    <t>Carrelli elevatori diesel, carrelli elevatori elettrici, carrelli elevatori elettrici a timone, transpallet</t>
  </si>
  <si>
    <t>A02AI</t>
  </si>
  <si>
    <t>Autovetture</t>
  </si>
  <si>
    <t>A02AI01</t>
  </si>
  <si>
    <t>A02AJ</t>
  </si>
  <si>
    <t>Autocarri e semirimorchi</t>
  </si>
  <si>
    <t>A02AJN1</t>
  </si>
  <si>
    <t>Autocarri con allestimenti speciali, autocarri ribaltanti, semirimorchi</t>
  </si>
  <si>
    <t>A02AK</t>
  </si>
  <si>
    <t>Autobus/minibus</t>
  </si>
  <si>
    <t>A02AKN1</t>
  </si>
  <si>
    <t>Autobus per trasporto equiparato a trasporto urbano, minibus</t>
  </si>
  <si>
    <t>A02AL</t>
  </si>
  <si>
    <t>Trattori agricoli</t>
  </si>
  <si>
    <t>A02AL01</t>
  </si>
  <si>
    <t>accessori trattore</t>
  </si>
  <si>
    <t>A02AM</t>
  </si>
  <si>
    <t>Macchine per edilizia</t>
  </si>
  <si>
    <t>A02AMN1</t>
  </si>
  <si>
    <t>Betoniere, mezzi movimento terra, macchine traccialinee stradali per segnaletica orizzontale</t>
  </si>
  <si>
    <t>A02AN</t>
  </si>
  <si>
    <t>Altri automezzi</t>
  </si>
  <si>
    <t>A02AN01</t>
  </si>
  <si>
    <t>Ambulanze</t>
  </si>
  <si>
    <t>A02AN02</t>
  </si>
  <si>
    <t>Carro attrezzi</t>
  </si>
  <si>
    <t>A02AN03</t>
  </si>
  <si>
    <t>Furgoni attrezzati</t>
  </si>
  <si>
    <t>A02AN04</t>
  </si>
  <si>
    <t>Club car e veicoli elettrici</t>
  </si>
  <si>
    <t>A02ZA</t>
  </si>
  <si>
    <t>Taratura attrezzature non specifiche del business aeroportuale</t>
  </si>
  <si>
    <t>A02ZA01</t>
  </si>
  <si>
    <t xml:space="preserve">strumentazione di monitoraggio acustico, strumentazione di monitoraggio acque, attrezzature di precisione, pese a ponte, bilance di precisione, apparecchiature verifiche e misure fotometriche </t>
  </si>
  <si>
    <t>A02ZB</t>
  </si>
  <si>
    <t>Manutenzione attrezzature non specifiche del business aeroportuale</t>
  </si>
  <si>
    <t>A02ZB01</t>
  </si>
  <si>
    <t>attrezzatura elettrica varia, strumentazione di monitoraggio acque, bilance di precisione, pese a ponte, attrezzatura verifiche e misure fotometriche, utensileria, raddrizzatori di corrente, rilevatori di radioattività, infermeria, aspiratutto, attrezzatura aspirazione fumi, filtri per officina, macchine utensili, saldatura, plotter, idropulitrici, lance ad aria, spazzatrice, ponti sollevamento mezzi, carrelli elevatori, transpallet, strumentazione monitoraggio acustico</t>
  </si>
  <si>
    <t>A02ZC</t>
  </si>
  <si>
    <t>Manutenzione automezzi non specifici del business aeroportuale</t>
  </si>
  <si>
    <t>A02ZCN1</t>
  </si>
  <si>
    <t>Manutenzione mezzi non specifici, autofficine, carrozzerie, lavaggi automezzi</t>
  </si>
  <si>
    <t>A03</t>
  </si>
  <si>
    <t>Forniture per Edilizia e piccole manutenzioni</t>
  </si>
  <si>
    <t>A03AA</t>
  </si>
  <si>
    <t>Componenti per l'edilizia</t>
  </si>
  <si>
    <t>A03AA01</t>
  </si>
  <si>
    <t>Componenti per edifici</t>
  </si>
  <si>
    <t xml:space="preserve">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 </t>
  </si>
  <si>
    <t>A03AA03</t>
  </si>
  <si>
    <t>Prefabbricati/bagni chimici</t>
  </si>
  <si>
    <t>prefabbricati, bagni chimici</t>
  </si>
  <si>
    <t>A03AB</t>
  </si>
  <si>
    <t>Realizzazioni ed istallazioni per l'edilizia</t>
  </si>
  <si>
    <t>A03AB01</t>
  </si>
  <si>
    <t>Carpenteria leggera</t>
  </si>
  <si>
    <t>A03AC</t>
  </si>
  <si>
    <t>Materiale e attrezzatura per edilizia</t>
  </si>
  <si>
    <t>A03AC01</t>
  </si>
  <si>
    <t>Materiali edili di consumo (es. sabbia, ghiaia, cemento , ecc)</t>
  </si>
  <si>
    <t>laterizi, ceramiche, materiali lapidei, cemento, calcestruzzo, legno, acciaio, vetro, materiali compositi, biomateriali, tessuti polimerici</t>
  </si>
  <si>
    <t>A03AC02</t>
  </si>
  <si>
    <t>Conglomerato bituminoso - vendita</t>
  </si>
  <si>
    <t>conglomerato bituminoso, asfalto</t>
  </si>
  <si>
    <t>A03ZA</t>
  </si>
  <si>
    <t>Manutenzioni forniture per l'edilizia</t>
  </si>
  <si>
    <t>A03ZA01</t>
  </si>
  <si>
    <t>Manutenzioni componenti per l'edilizia</t>
  </si>
  <si>
    <t>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t>
  </si>
  <si>
    <t>A04</t>
  </si>
  <si>
    <t>Prodotti e sistemi per l'Information Communication Technology e il networking</t>
  </si>
  <si>
    <t>A04AA</t>
  </si>
  <si>
    <t>Sw -  Acquisto, manutenzione e noleggio prodotti/licenze SW</t>
  </si>
  <si>
    <t>A04AA01</t>
  </si>
  <si>
    <t>Acquisto e noleggio Licenze/prodotti SW</t>
  </si>
  <si>
    <t>antivirus client/server, licenze, ADOBE, ARCVIEW, AUTOCAD, AXWAY, CBT, CLONE&amp;TEST, EMBARCADERO, EMC, F5 Firepass, HP, HYLAND - On base, IBM, MICROSOFT, MYSQL CITRIX, ORACLE, ORGANIZATION PUBLISHER, REDHAT, SAP, SIMPLEDO, STRATUS, THINKCELL, VEEAM, VERITAS, VMWARE, XFINEST, piattaforme di Desktop Management, prodotti SW di simulazione/progettazione, SW di gestione degli organigrammi, SW di gestione della tesoreria, SW di gestione e archiviazione documentale, SW HR (pianificazione costi, reporting), SW digitalizzazione processi aziendali, SW gestione mense, SW gestione operativa personale/automezzi, SW retribuzione, SW sviluppo piattaforma Intranet, SW servizi carpooling</t>
  </si>
  <si>
    <t>A04AA02</t>
  </si>
  <si>
    <t>Manutenzione licenze/prodotti SW</t>
  </si>
  <si>
    <t>A04AB</t>
  </si>
  <si>
    <t>Hw - acquisto</t>
  </si>
  <si>
    <t>A04AB01</t>
  </si>
  <si>
    <t>P.C. / notebook</t>
  </si>
  <si>
    <t>P.C. Desktop, Notebook, APPLE, DELL, LENOVO, HP, P.C. Desktop - ALTRO, Notebook - ALTRO</t>
  </si>
  <si>
    <t>A04AB02</t>
  </si>
  <si>
    <t>Stampanti/Plotter/scanner</t>
  </si>
  <si>
    <t>plotter, scanner, stampanti multifunzione, stampanti termografiche, stampanti termiche, mini printer per etichette bagagli, stampanti laser, ATB, BTP</t>
  </si>
  <si>
    <t>A04AB03</t>
  </si>
  <si>
    <t>Server and storage</t>
  </si>
  <si>
    <t>Componenti server &amp; storage, server DELL, server HP, server IBM, server Oracle, server Stratus, storage altri brand, storage in architettura HP, storage in architettura DELL, storage in architettura IBM, storage in architettura Oracle, storage in architettura NAS, altri server</t>
  </si>
  <si>
    <t>A04AB04</t>
  </si>
  <si>
    <t>Apparati Rilevazione Presenze/Tag RFID/Blip node</t>
  </si>
  <si>
    <t>tag RFID, BLIP node, apparati rilevazione presenze</t>
  </si>
  <si>
    <t>A04AB05</t>
  </si>
  <si>
    <t>Chioschi multimediali/interattivi/totem</t>
  </si>
  <si>
    <t>chioschi multimediali/interattivi, totem/stazioni di recharging, totem multimediale</t>
  </si>
  <si>
    <t>A04AB06</t>
  </si>
  <si>
    <t>Device</t>
  </si>
  <si>
    <t>palmari, smartphone e accessori Apple, smartphone e accessori Samsung, smartphone e accessori - altri brand, tablet e accessori - Apple, tablet e accessori - Samsung, tablet e accessori - altri brand</t>
  </si>
  <si>
    <t>A04AB07</t>
  </si>
  <si>
    <t>Monitor/LED</t>
  </si>
  <si>
    <t>indicatori LED, ledwall, monitor touch screen, monitor per P.C., monitor visual. al passeggero (PID) FIDS, monitor al plasma/LCD/LED</t>
  </si>
  <si>
    <t>A04AB08</t>
  </si>
  <si>
    <t>Altro Hw e accessori</t>
  </si>
  <si>
    <t>fotocamere/telecamere, vinile per plotter, HD/Ram, masterizzatori, videoproiettori, webcam, schede grafiche, schede di rete, chiavette USB, cavi HDMI, cuffie, accessori per P.C./Notebook/Panel P.C., lettori barcode, POS (Point of Sale), unità nastro, cartucce/toner stampante, router, robot/droidi, droni</t>
  </si>
  <si>
    <t>A04AC</t>
  </si>
  <si>
    <t>Hw - manutenzione e noleggio</t>
  </si>
  <si>
    <t>A04AC01</t>
  </si>
  <si>
    <t>A04AC02</t>
  </si>
  <si>
    <t>A04AC03</t>
  </si>
  <si>
    <t>A04AC04</t>
  </si>
  <si>
    <t>A04AC05</t>
  </si>
  <si>
    <t>A04AC06</t>
  </si>
  <si>
    <t>A04AC07</t>
  </si>
  <si>
    <t>A04AC08</t>
  </si>
  <si>
    <t>Altro Hw</t>
  </si>
  <si>
    <t>A04AD</t>
  </si>
  <si>
    <t>Sviluppo e manutenzione sistemi complessi in ambito ICT</t>
  </si>
  <si>
    <t>A04AD01</t>
  </si>
  <si>
    <t>Sistemi complessi aeroportuali in ambito ICT</t>
  </si>
  <si>
    <t>informativa al pubblico (FIDS), A.B.C. (Automated Border Control), sistema CUTE, SW smistamento bagagli (HBS/EBS), SW gestione operativa personale/attrezzature, annunci sonori al pubblico passeggero, gestione radio veicolare - TETRA, messaggistica aeroportuale, D.C.S. (Departure Control System), sistemi di Self check-in, sistemi di Self bag drop-off, sistemi di sorveglianza e controllo, altri sistemi ICT complessi</t>
  </si>
  <si>
    <t>A04AD02</t>
  </si>
  <si>
    <t>Sistemi complessi non aeroportuali in ambito ICT</t>
  </si>
  <si>
    <t>sistemi di videoconferenza - altri, firewall Barracuda, firewall - altri brand, Gateway antivirus, content filtering (SW e licenze), SW intrusion detection/prevention, Facility Management, SW automazione e controllo reti elettriche, sistemi CAM RFID, sistemi di autenticazione, sistemi di business intelligence, controllo accessi, dematerializzazione informatica, disaster recovery, sistemi di encription - manutenzione, firma digitale, identity management, lettura ottica, sistemi di loyalty, sistemi di pagamento, rilevamento biometrico, rilevazione presenze, rilevazione retail (IoT), rilevazione/monitoraggio code, sistemi di strong authentication (HW), videoproiezione/giochi multimediali, vulnerability assessment, sistemi ed apparati per VPN, CRM aziendali custom, sistemi di videoconferenza - AVAYA, sistemi di videoconferenza - CISCO, sistemi di videoconferenza - POLYCOM, Firewall Palo Alto, sistemi di geolocalizzazione, sistemi/tecnologie/servizi di Cybersecurity, altri sistemi complessi ICT</t>
  </si>
  <si>
    <t>A04AE</t>
  </si>
  <si>
    <t>Sviluppo e manutenzione applicativi (evolutive/nuovi progetti)</t>
  </si>
  <si>
    <t>A04AE01</t>
  </si>
  <si>
    <t>Sviluppo applicativi aeroportuali</t>
  </si>
  <si>
    <t>A04AE02</t>
  </si>
  <si>
    <t>Manutenzione applicativi aeroportuali</t>
  </si>
  <si>
    <t>A04AE03</t>
  </si>
  <si>
    <t>Sviluppo applicativi non aeroportuali</t>
  </si>
  <si>
    <t>sviluppo, grafica website - High Lev., grafica website - Low Lev., applicazioni gestionali/amministrative/HR, sviluppo applicativi in ambito OLS, sviluppo applicativi in ambito Microsoft, sviluppo in ambito SAP, SW per e-commerce, SW per HR, SW per e-procurement, SW applicazioni Mobility Management, sviluppo altri applicativi in ambito non-aeroportuale</t>
  </si>
  <si>
    <t>A04AE04</t>
  </si>
  <si>
    <t>Manutenzione applicativi non aeroportuali</t>
  </si>
  <si>
    <t>manutenzione, grafica website - High Lev., grafica website - Low Lev., applicazioni gestionali/amministrative/HR, applicativi in ambito OLS, applicativi in ambito Microsoft, applicativi ambito SAP, SW per e-commerce, SW per HR, SW per e-procurement, SW applicazioni Mobility Management, manutenzione altri applicativi in ambito non-aeroportuale</t>
  </si>
  <si>
    <t>A04AF</t>
  </si>
  <si>
    <t>Networking - apparati, manutenzione e servizi</t>
  </si>
  <si>
    <t>A04AF01</t>
  </si>
  <si>
    <t>Acquisto apparati di rete/networking/cablaggi/infrastruttura</t>
  </si>
  <si>
    <t>apparati per rete BELDEN, apparati per rete wired EXTREME, apparati per rete wired - altri brand, apparati per rete wireless CISCO, apparati per rete wireless - altri brand, apparati/antenne radio veicolari, apparecchi telefonia fissa, centrali telefoniche, impianti LTE (indoor e/o outdoor), materiale radio, prodotti attivi di rete, prodotti passivi di rete, rete LAN/Wireless/VPN, apparati per rete TYCO AMPNETConnect, altri prodotti/materiale di Networking</t>
  </si>
  <si>
    <t>A04AF02</t>
  </si>
  <si>
    <t>Manutenzione apparati di rete/networking</t>
  </si>
  <si>
    <t>A04AF03</t>
  </si>
  <si>
    <t>Servizi networking</t>
  </si>
  <si>
    <t>rete wired EXTREME, rete wired - altri brand, rete wireless CISCO, rete wireless - altri brand, centrali telefoniche, impianti LTE (indoor e/o outdoor), altri servizi di Networking</t>
  </si>
  <si>
    <t>A05</t>
  </si>
  <si>
    <t>Forniture di materiali tecnici</t>
  </si>
  <si>
    <t>A05AA</t>
  </si>
  <si>
    <t>Materiale per imballaggio</t>
  </si>
  <si>
    <t>A05AAN1</t>
  </si>
  <si>
    <t>Bobine/Film in polietilene, imballaggi in plastica, nastri per imballaggi</t>
  </si>
  <si>
    <t>A05AB</t>
  </si>
  <si>
    <t>Materiale sanitario</t>
  </si>
  <si>
    <t>A05AB01</t>
  </si>
  <si>
    <t>Gas compressi medicinali</t>
  </si>
  <si>
    <t>A05AB02</t>
  </si>
  <si>
    <t>Farmaci</t>
  </si>
  <si>
    <t>A05AB03</t>
  </si>
  <si>
    <t>Prodotti sanitari</t>
  </si>
  <si>
    <t>A05AC</t>
  </si>
  <si>
    <t>Materiale per ecologia</t>
  </si>
  <si>
    <t>A05AC01</t>
  </si>
  <si>
    <t>Sistemi di stoccaggio</t>
  </si>
  <si>
    <t>armadi stoccaggio, big bags, cassonetti, cisternette, contanier refrigerati, container scarrabili, contenitori carrellati, contenitori per rifiuti speciali, fusti, vasche di raccolta</t>
  </si>
  <si>
    <t>A05AC02</t>
  </si>
  <si>
    <t>Oleoassorbenti</t>
  </si>
  <si>
    <t>A05AD</t>
  </si>
  <si>
    <t>Materiali, prodotti ed attrezzi per pulizia/igiene</t>
  </si>
  <si>
    <t>A05ADN1</t>
  </si>
  <si>
    <t>Materiale per igiene e hotellerie, distributori per igiene, attrezzi per pulizie, pezzame lenzuolato, sacchi in polietilene, tessuto in carta</t>
  </si>
  <si>
    <t>A05AE</t>
  </si>
  <si>
    <t>Utensileria e materiali vari</t>
  </si>
  <si>
    <t>A05AEN1</t>
  </si>
  <si>
    <t>Materiale vari e utensileria</t>
  </si>
  <si>
    <t>Materiale elettrico vario, materiale per elettronica, materiale plastico, materiale siderurgico e ferroso, utensileria, materiale idraulico vario</t>
  </si>
  <si>
    <t>A05AE07</t>
  </si>
  <si>
    <t>Bandiere, striscioni e organizzazione flussi</t>
  </si>
  <si>
    <t>A06</t>
  </si>
  <si>
    <t>Forniture per security</t>
  </si>
  <si>
    <t>A06AA</t>
  </si>
  <si>
    <t>A06AA01</t>
  </si>
  <si>
    <t>Macchine x-ray controllo bagagli</t>
  </si>
  <si>
    <t>A06AA02</t>
  </si>
  <si>
    <t>Rilevatori di esplosivo</t>
  </si>
  <si>
    <t>A06AA03</t>
  </si>
  <si>
    <t>Metal detector</t>
  </si>
  <si>
    <t>A06AA04</t>
  </si>
  <si>
    <t>Apparecchiature per il controllo dei LAGs</t>
  </si>
  <si>
    <t>A07</t>
  </si>
  <si>
    <t>Prodotti chimici, carburanti e combustibili</t>
  </si>
  <si>
    <t>A07AA</t>
  </si>
  <si>
    <t>Carburanti, oli e combustibili</t>
  </si>
  <si>
    <t>A07AAN1</t>
  </si>
  <si>
    <t>Carburanti, gas combustibili, gasolio per riscaldamento, oli e lubrificanti</t>
  </si>
  <si>
    <t>A07AB</t>
  </si>
  <si>
    <t>Liquido per de-icing aeromobili e piste e piazzali</t>
  </si>
  <si>
    <t>A07ABN1</t>
  </si>
  <si>
    <t>Liquido sbrinamento/antighiaccio piste e piazzale, liquido per de-icing aeromobili, SQ liquido sbrinamento/antighiaccio piste e piazzale, SQ liquido per de-icing automobili</t>
  </si>
  <si>
    <t>A07AC</t>
  </si>
  <si>
    <t>Prodotti chimici</t>
  </si>
  <si>
    <t>A07ACN1</t>
  </si>
  <si>
    <t>Prodotti chimici per abbattimento emissioni, vernici, smalti, solventi, prodotti per sghiacciamento strade, urea, ammoniaca, cloruro di calcio, sale marino, altri prodotti chimici</t>
  </si>
  <si>
    <t>A08</t>
  </si>
  <si>
    <t>Forniture generali d'azienda</t>
  </si>
  <si>
    <t>A08AA</t>
  </si>
  <si>
    <t>Prodotti per l'ufficio</t>
  </si>
  <si>
    <t>A08AAN1</t>
  </si>
  <si>
    <t>Cancelleria e prodotti per ufficio</t>
  </si>
  <si>
    <t>Cancelleria, macchine per ufficio, manutenzione macchine per ufficio</t>
  </si>
  <si>
    <t>A08AB</t>
  </si>
  <si>
    <t>Mobili e accessori per l'arredamento</t>
  </si>
  <si>
    <t>A08ABN1</t>
  </si>
  <si>
    <t>Accessori d'arredo</t>
  </si>
  <si>
    <t>Accessori d'arredo, elettrodomestici, lampade, specchi, brandine e sacchi a pelo, letti e materassi, tendaggi tappezzerie affini</t>
  </si>
  <si>
    <t>A08AB01</t>
  </si>
  <si>
    <t>Arredi per ufficio</t>
  </si>
  <si>
    <t>armadi metallici, scrivanie, sedute, tavoli</t>
  </si>
  <si>
    <t>A08AB02</t>
  </si>
  <si>
    <t>Arredi per aree aperte al pubblico</t>
  </si>
  <si>
    <t>banchi e banconi, cestini gettarifiuti per raccolta differenziata, sistemi espositivi/totem/pannelli, stand</t>
  </si>
  <si>
    <t>A08AB03</t>
  </si>
  <si>
    <t>Arredi tecnici</t>
  </si>
  <si>
    <t>armadi per spogliatoio, arredi per aree giochi e svago, arredi sanitari, casseforti, cassette/armadi di sicurezza, materiale per armadi emergenza incendio, scaffalature metalliche, arredi sacri, zerbini, passatoie, tappeti asciugapassi</t>
  </si>
  <si>
    <t>A08AC</t>
  </si>
  <si>
    <t>Articoli promozionali (gadget)</t>
  </si>
  <si>
    <t>A08AC01</t>
  </si>
  <si>
    <t>A08AD</t>
  </si>
  <si>
    <t>Stampe</t>
  </si>
  <si>
    <t>A08ADN1</t>
  </si>
  <si>
    <t>Stampati</t>
  </si>
  <si>
    <t>Stampe materiali di comunicazione, stampe su supporti speciali, stampati generici</t>
  </si>
  <si>
    <t>A08AD03</t>
  </si>
  <si>
    <t>Stampe specifiche del business aeroportuale</t>
  </si>
  <si>
    <t>etichette bagagli sistema CUTE, etichette bagagli RFID, etichette bagagli eccedenti franchigia, ticket per parcheggi, carte d'imbarco sistema CUTE</t>
  </si>
  <si>
    <t>A08AD05</t>
  </si>
  <si>
    <t>Stampe cataloghi artistici</t>
  </si>
  <si>
    <t>A09</t>
  </si>
  <si>
    <t>Vestiario e D.P.I.</t>
  </si>
  <si>
    <t>A09AA</t>
  </si>
  <si>
    <t>Abiti da lavoro/Divise/Accessori</t>
  </si>
  <si>
    <t>A09AAN1</t>
  </si>
  <si>
    <t>Divise e Abiti da lavoro</t>
  </si>
  <si>
    <t>Abiti da lavoro, divise, accessori</t>
  </si>
  <si>
    <t>A09AB</t>
  </si>
  <si>
    <t>Dispositivi di Protezione - D.P.I.</t>
  </si>
  <si>
    <t>A09ABN1</t>
  </si>
  <si>
    <t>DPI</t>
  </si>
  <si>
    <t>Scarpe antinfortunistiche, guanti, indumenti alta visibilità, presidi ortopedici, DPI vestiario, altri DPI</t>
  </si>
  <si>
    <t>A10</t>
  </si>
  <si>
    <t>Ricambi e relative manutenzioni</t>
  </si>
  <si>
    <t>A10AA</t>
  </si>
  <si>
    <t>Ricambi attrezzature e mezzi specifici al business aeroportuale</t>
  </si>
  <si>
    <t>A10AA01</t>
  </si>
  <si>
    <t>Ricambi attrezzatura e mezzi specifici al business aeroportuale</t>
  </si>
  <si>
    <t>A10AB</t>
  </si>
  <si>
    <t>Ricambi attrezzature non specifiche al business aeroportuale</t>
  </si>
  <si>
    <t>A10AB01</t>
  </si>
  <si>
    <t>Ricambi attrezzature non specifiche del business aeroportuale</t>
  </si>
  <si>
    <t>attrezzatura elettrica varia, strumentazione di monitoraggio acque, bilance di precisione, pese a ponte, attrezzatura verifiche e misure fotometriche, utensileria, raddrizzatori di corrente, rilevatori di radioattività, infermeria, aspiratutto, attrezzatu</t>
  </si>
  <si>
    <t>A10AC</t>
  </si>
  <si>
    <t>Ricambi mezzi non specifici al business aeroportuale</t>
  </si>
  <si>
    <t>A10ACN1</t>
  </si>
  <si>
    <t>Trattori agricoli, batterie di avviamento, batterie di trazione, ganci traino, ricambi elettrici/meccanici/tecnici per automezzi, tubazioni per automezzi, motori e ricambi per motori di automezzi, sedili per automezzi, gommisti - vendita pneumatici e camere d'aria</t>
  </si>
  <si>
    <t>A10AD</t>
  </si>
  <si>
    <t>Ricambi per l'edilizia</t>
  </si>
  <si>
    <t>A10AD01</t>
  </si>
  <si>
    <t>Ricambi componenti per edifici</t>
  </si>
  <si>
    <t xml:space="preserve">ricambi, 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 </t>
  </si>
  <si>
    <t>A10ZA</t>
  </si>
  <si>
    <t>Manutenzione ricambi per automezzi</t>
  </si>
  <si>
    <t>A10ZAN1</t>
  </si>
  <si>
    <t>Manutenzione componentistica automezzi</t>
  </si>
  <si>
    <t>Batterie di avviamento, batterie di trazione, ricambi elettrici/meccanici/tecnici per automezzi, motori e ricambi per motori di automezzi, sedili per automezzi</t>
  </si>
  <si>
    <t>A10ZAN2</t>
  </si>
  <si>
    <t>Manutenzione pneumatici</t>
  </si>
  <si>
    <t>Smontaggio e montaggio pneumatici, riparazione, rivulcanizzazione</t>
  </si>
  <si>
    <t>A11</t>
  </si>
  <si>
    <t>Forniture e ricambi di impianti di produz./distribuz. EE e relativa manutenzione</t>
  </si>
  <si>
    <t>A12</t>
  </si>
  <si>
    <t>Forniture e ricambi per impianti vari</t>
  </si>
  <si>
    <t>A12AA</t>
  </si>
  <si>
    <t xml:space="preserve">Ricambi per impianti di trasporto merci e bagagli </t>
  </si>
  <si>
    <t>A12AA01</t>
  </si>
  <si>
    <t>Nastri BHS</t>
  </si>
  <si>
    <t>A12AA02</t>
  </si>
  <si>
    <t>Altri ricambi per impianti di trasporto merci e bagagli</t>
  </si>
  <si>
    <t>A12AB</t>
  </si>
  <si>
    <t>Ricambi per impianti di illuminazione piste/piazzali</t>
  </si>
  <si>
    <t>A12AB01</t>
  </si>
  <si>
    <t>Lampade di pista</t>
  </si>
  <si>
    <t>A12AC</t>
  </si>
  <si>
    <t>Gruppi frigo, torri evaporative e ricambi per impianti termomeccanici</t>
  </si>
  <si>
    <t>A12ACN1</t>
  </si>
  <si>
    <t>impianti di condizionamento/riscaldamento, filtri per unità trattamento aria</t>
  </si>
  <si>
    <t>A12AD</t>
  </si>
  <si>
    <t>Ricambi per impianti per imbarco/sbarco passeggeri</t>
  </si>
  <si>
    <t>A12AD01</t>
  </si>
  <si>
    <t>Pontili di imbarco/sbarco</t>
  </si>
  <si>
    <t>A12AD02</t>
  </si>
  <si>
    <t>Convertitori statici per pontili</t>
  </si>
  <si>
    <t>A12AD03</t>
  </si>
  <si>
    <t>Guide ottiche</t>
  </si>
  <si>
    <t>A12AE</t>
  </si>
  <si>
    <t>Ricambi per impianti ausiliari</t>
  </si>
  <si>
    <t>A12AEN1</t>
  </si>
  <si>
    <t>Ricambi per impianti elettrici</t>
  </si>
  <si>
    <t>impianti elettrici di MT e BT</t>
  </si>
  <si>
    <t>A12AE01</t>
  </si>
  <si>
    <t>Ricambi per impianti TVCC/Videosorveglianza</t>
  </si>
  <si>
    <t>A12AE04</t>
  </si>
  <si>
    <t>Quadri elettrici </t>
  </si>
  <si>
    <t>A12AE05</t>
  </si>
  <si>
    <t>Gruppi elettrogeni</t>
  </si>
  <si>
    <t>A12AE06</t>
  </si>
  <si>
    <t>Ricambi per impianti idrosanitari</t>
  </si>
  <si>
    <t>B</t>
  </si>
  <si>
    <t>SERVIZI</t>
  </si>
  <si>
    <t>B01</t>
  </si>
  <si>
    <t>Servizi specifici al business aeroportuale</t>
  </si>
  <si>
    <t>B01AA</t>
  </si>
  <si>
    <t>Sgommatura piste e piazzali</t>
  </si>
  <si>
    <t>B01AAN1</t>
  </si>
  <si>
    <t>Sgommatura con pallinatrice, idrosgommatura</t>
  </si>
  <si>
    <t>B01AB</t>
  </si>
  <si>
    <t>Sgombero neve</t>
  </si>
  <si>
    <t>B01ABN1</t>
  </si>
  <si>
    <t>Servizio di rimozione neve, servizio spargimento sale e sghiacciamento strade</t>
  </si>
  <si>
    <t>B01AC</t>
  </si>
  <si>
    <t>Servizi di aircraft recovery</t>
  </si>
  <si>
    <t>B01AC01</t>
  </si>
  <si>
    <t>B01AD</t>
  </si>
  <si>
    <t>Assistenza disabili</t>
  </si>
  <si>
    <t>B01AD01</t>
  </si>
  <si>
    <t xml:space="preserve">Assistenza disabili </t>
  </si>
  <si>
    <t>B01AE</t>
  </si>
  <si>
    <t>Servizio di portabagagli</t>
  </si>
  <si>
    <t>B01AE01</t>
  </si>
  <si>
    <t>Servizio gestioni carrelli portbagagli</t>
  </si>
  <si>
    <t>B01AF</t>
  </si>
  <si>
    <t>Servizi di bird stike</t>
  </si>
  <si>
    <t>B01AF01</t>
  </si>
  <si>
    <t>Servizi di bird strike</t>
  </si>
  <si>
    <t>B01AG</t>
  </si>
  <si>
    <t>Bonifica da ordigni bellici</t>
  </si>
  <si>
    <t>B01AG01</t>
  </si>
  <si>
    <t>Bonifica ordigni bellici</t>
  </si>
  <si>
    <t>B01AH</t>
  </si>
  <si>
    <t>Vigilanza</t>
  </si>
  <si>
    <t>B01AH02</t>
  </si>
  <si>
    <t>Vigilanza non armata</t>
  </si>
  <si>
    <t>B02</t>
  </si>
  <si>
    <t>Servizi specifici alla produzione di energia</t>
  </si>
  <si>
    <t>B03</t>
  </si>
  <si>
    <t>Servizi di ingegneria, architettura e affini connessi ai fabbricati</t>
  </si>
  <si>
    <t>B03AA</t>
  </si>
  <si>
    <t>Servizi di progettazione</t>
  </si>
  <si>
    <t>B03AAN1</t>
  </si>
  <si>
    <t>Progettazione architettettonica e Ingegneristica</t>
  </si>
  <si>
    <t>Progettazioni edili, strutture, impianti, infrastrutture per la mobilità, progettazione idraulica, progettazione per tecnologie dell'informazione e comunicazione, paesaggio e ambiente, territorio e urbanistica, progettazione specialistica aeroportuale infrastrutture di volo</t>
  </si>
  <si>
    <t>B03AA10</t>
  </si>
  <si>
    <t>Supporto specialistico alla progettazione</t>
  </si>
  <si>
    <t>B03AB</t>
  </si>
  <si>
    <t>Servizi di certificazione energetica degli edifici</t>
  </si>
  <si>
    <t>B03AB01</t>
  </si>
  <si>
    <t>Servizi di certificazione energegetica degli edifici</t>
  </si>
  <si>
    <t>B03AC</t>
  </si>
  <si>
    <t>Servizi accessori all'ingegneria e architettura in ambito civile e impiantistico</t>
  </si>
  <si>
    <t>B03ACN1</t>
  </si>
  <si>
    <t>Direzione lavori, CSP, CSE, pratiche per CPI, collaudi statici/tecnico-amministrativi e in corso d'opera, stime e perizie, attività di disegnatore, frazionamenti e pratiche catastali, rilievi topografici, indagini geotecniche e archeologiche, validazione progetti, masterplan e studi di fattibilità, altre attività di design</t>
  </si>
  <si>
    <t>B04</t>
  </si>
  <si>
    <t>Servizi generali di società</t>
  </si>
  <si>
    <t>B04AA</t>
  </si>
  <si>
    <t xml:space="preserve">Servizi catering e altri servizi a supporto di seminari e convegni </t>
  </si>
  <si>
    <t>B04AAN1</t>
  </si>
  <si>
    <t>Noleggio di allestimenti e arredi per eventi/convegni/manifestazioni</t>
  </si>
  <si>
    <t>Noleggio di allestimenti e arredi per convegni/manifestazioni, noleggio di piattaforme, palchi, pedane, sedie, tribune, piante e addobbi floreali</t>
  </si>
  <si>
    <t>B04AAN2</t>
  </si>
  <si>
    <t>Noleggio di impianti per eventi/convegni/manifestazioni</t>
  </si>
  <si>
    <t>Noleggio di impianti audio-visivi e luce</t>
  </si>
  <si>
    <t>B04AA01</t>
  </si>
  <si>
    <t>Servizi di catering</t>
  </si>
  <si>
    <t>B04AB</t>
  </si>
  <si>
    <t>Servizi di pulizia aree civili e disinfestazione</t>
  </si>
  <si>
    <t>B04ABN1</t>
  </si>
  <si>
    <t>Servizio pulizia generale, disinfestazione, sanificazione, derattizzazione, disinfezione</t>
  </si>
  <si>
    <t>B04AC</t>
  </si>
  <si>
    <t>Servizi di ristorazione collettiva e commerciale</t>
  </si>
  <si>
    <t>B04AC01</t>
  </si>
  <si>
    <t>B04AD</t>
  </si>
  <si>
    <t>Buoni pasto</t>
  </si>
  <si>
    <t>B04AD01</t>
  </si>
  <si>
    <t>B04AE</t>
  </si>
  <si>
    <t>Spedizioni, logistica e distribuzione quotidiani digitali</t>
  </si>
  <si>
    <t>B04AE01</t>
  </si>
  <si>
    <t>Corriere Espresso</t>
  </si>
  <si>
    <t>B04AE02</t>
  </si>
  <si>
    <t>Trasporti speciali/eccezionali</t>
  </si>
  <si>
    <t>B04AE03</t>
  </si>
  <si>
    <t xml:space="preserve">Distribuzione digitale quotidiani/settimanali </t>
  </si>
  <si>
    <t>B04AF</t>
  </si>
  <si>
    <t>Business travel</t>
  </si>
  <si>
    <t>B04AF01</t>
  </si>
  <si>
    <t>Servizi di business travel</t>
  </si>
  <si>
    <t>B04AG</t>
  </si>
  <si>
    <t>Giardinaggio - Aree verdi e floricoltura</t>
  </si>
  <si>
    <t>B04AGN1</t>
  </si>
  <si>
    <t>Verde - manutenzione e fornitura</t>
  </si>
  <si>
    <t>Sfalcio erba, manutenzione aree verdi, vendita addobbi floreali</t>
  </si>
  <si>
    <t>B04AH</t>
  </si>
  <si>
    <t>Altri servizi generali di società</t>
  </si>
  <si>
    <t>B04AH08</t>
  </si>
  <si>
    <t>Gestione archivi cartacei / digitali</t>
  </si>
  <si>
    <t>B04AH02</t>
  </si>
  <si>
    <t>Noleggio autobus/auto con conducente</t>
  </si>
  <si>
    <t>B04AH03</t>
  </si>
  <si>
    <t>Noleggio/Lavaggio biancheria per Servizio Sanitario</t>
  </si>
  <si>
    <t>B04AH05</t>
  </si>
  <si>
    <t>Pratiche automobilistiche</t>
  </si>
  <si>
    <t>Fleet Management, pratiche automobilistiche</t>
  </si>
  <si>
    <t>B04AH07</t>
  </si>
  <si>
    <t>Noleggio distributori automatici bevande/alimenti</t>
  </si>
  <si>
    <t>B05</t>
  </si>
  <si>
    <t>Servizi specialistici</t>
  </si>
  <si>
    <t>B05AN</t>
  </si>
  <si>
    <t>Servizi di trading di energia</t>
  </si>
  <si>
    <t>B05AN02</t>
  </si>
  <si>
    <t>Servizi acquisto quote CO2</t>
  </si>
  <si>
    <t>B05AA</t>
  </si>
  <si>
    <t>Servizi in ambito IT</t>
  </si>
  <si>
    <t>B05AA01</t>
  </si>
  <si>
    <t>SW messaggistica/manutenzione Digital Marketing, servizi dati meteo, gestione remota parcometri, servizi Helpdesk advanced, installazione/configurazione apparati radio, progettazione/assistenza reti LAN, Web Analytics, servizi integrati ai sistemi HR, servizi PROXI, SEO (Search Engine Optimization), servizi presidi personale assistenza tecnica, servizi SW di Corporate Banking, servizi SW per il protocollo di legalità, servizi Cloud</t>
  </si>
  <si>
    <t>B05AB</t>
  </si>
  <si>
    <t>Servizi di telefonia - fissa e mobile</t>
  </si>
  <si>
    <t>B05AB01</t>
  </si>
  <si>
    <t>Servizi di telefonia fissa/internet</t>
  </si>
  <si>
    <t>Internet, servizi di telefonia fissa, altre reti private</t>
  </si>
  <si>
    <t>B05AB02</t>
  </si>
  <si>
    <t>Servizi di telefonia mobile</t>
  </si>
  <si>
    <t>servizi assistenza telefonia mobile, servizi di telefonia mobile</t>
  </si>
  <si>
    <t>B05AC</t>
  </si>
  <si>
    <t>Servizi Ecologici</t>
  </si>
  <si>
    <t>B05ACN1</t>
  </si>
  <si>
    <t>Servizi soggetti all’iscrizione all’Albo Nazionale Gestori Ambientali</t>
  </si>
  <si>
    <t>Servizi soggetti all'iscrizione all'Albo Nazionale Gestori Ambientali, interventi di radioprotezione e bonifica siti radioattivi</t>
  </si>
  <si>
    <t>B05AC02</t>
  </si>
  <si>
    <t>Servizi soggetti ad Autorizzazioni ambientali di gestione rifiuti</t>
  </si>
  <si>
    <t>B05AD</t>
  </si>
  <si>
    <t>Servizi di analisi</t>
  </si>
  <si>
    <t>B05ADN1</t>
  </si>
  <si>
    <t>Analisi ambientali di caratterizzazione dei siti, analisi di laboratorio, laboratorio analisi tessuti e materiali</t>
  </si>
  <si>
    <t>B05AE</t>
  </si>
  <si>
    <t>Somministrazione personale</t>
  </si>
  <si>
    <t>B05AE01</t>
  </si>
  <si>
    <t>B05AF</t>
  </si>
  <si>
    <t>Servizi di Call Center</t>
  </si>
  <si>
    <t>B05AF01</t>
  </si>
  <si>
    <t>B05AG</t>
  </si>
  <si>
    <t>Servizi di banche dati/Informazioni commerciali</t>
  </si>
  <si>
    <t>B05AG01</t>
  </si>
  <si>
    <t>B05AH</t>
  </si>
  <si>
    <t>Servizi medico sanitari</t>
  </si>
  <si>
    <t>B05AH01</t>
  </si>
  <si>
    <t>B05AI</t>
  </si>
  <si>
    <t>Servizi Assicurativi</t>
  </si>
  <si>
    <t>B05AI01</t>
  </si>
  <si>
    <t>B05AI02</t>
  </si>
  <si>
    <t>Perizie assicurative</t>
  </si>
  <si>
    <t>B05AJ</t>
  </si>
  <si>
    <t>Servizi di traduzione</t>
  </si>
  <si>
    <t>B05AJ01</t>
  </si>
  <si>
    <t>B05AK</t>
  </si>
  <si>
    <t>Servizi di formazione e addestramento</t>
  </si>
  <si>
    <t>B05AKN1</t>
  </si>
  <si>
    <t>Servizi di formazione</t>
  </si>
  <si>
    <t>Servizi di formazione e addestramento in ambito retail, altri servizi di formazione e addestramento</t>
  </si>
  <si>
    <t>B05AL</t>
  </si>
  <si>
    <t>Inserzioni pubblicitarie, legali, finanziarie</t>
  </si>
  <si>
    <t>B05AL01</t>
  </si>
  <si>
    <t>Inserzioni legali e finanziarie</t>
  </si>
  <si>
    <t>B05AM</t>
  </si>
  <si>
    <t>Servizi meteo</t>
  </si>
  <si>
    <t>B05AM01</t>
  </si>
  <si>
    <t>B06</t>
  </si>
  <si>
    <t>Servizi professionali</t>
  </si>
  <si>
    <t>B06AA</t>
  </si>
  <si>
    <t>Servizi professionali amministrativi e fiscali</t>
  </si>
  <si>
    <t>B06AA01</t>
  </si>
  <si>
    <t>Servizi professionali amministrative e fiscali</t>
  </si>
  <si>
    <t>B06AB</t>
  </si>
  <si>
    <t>Servizi professionali per la certificazione di bilancio</t>
  </si>
  <si>
    <t>B06AB01</t>
  </si>
  <si>
    <t>B06AD</t>
  </si>
  <si>
    <t>Servizi professionali in ambito Information &amp; Technology</t>
  </si>
  <si>
    <t>B06AD01</t>
  </si>
  <si>
    <t>B06AE</t>
  </si>
  <si>
    <t>Servizi professionali tecnici in ambito Energia e Calore</t>
  </si>
  <si>
    <t>B06AE01</t>
  </si>
  <si>
    <t>B06AF</t>
  </si>
  <si>
    <t>Servizi professionali di creatività e comunicazione</t>
  </si>
  <si>
    <t>B06AF01</t>
  </si>
  <si>
    <t>Creatività e immagine</t>
  </si>
  <si>
    <t>B06AF02</t>
  </si>
  <si>
    <t>Rassegna stampa</t>
  </si>
  <si>
    <t>B06AF03</t>
  </si>
  <si>
    <t>Reputation stampa e web</t>
  </si>
  <si>
    <t>B06AF04</t>
  </si>
  <si>
    <t>Comunicazione/Pubblicità su canali Media</t>
  </si>
  <si>
    <t>comunicazione corporate e marketing, comunicazione su canali social, comunicazione mostre e eventi artistici, comunicazione interna, monitoraggio parlamentare, promozione commerciale settore travel</t>
  </si>
  <si>
    <t>B06AG</t>
  </si>
  <si>
    <t>Produzione audiovisiva, multimediale e foto</t>
  </si>
  <si>
    <t>B06AGN1</t>
  </si>
  <si>
    <t>Realizzazioni foto e video standard e multimediali</t>
  </si>
  <si>
    <t>Realizzazione video multimediali/virali, realizzazioni foto e shooting fotografico</t>
  </si>
  <si>
    <t>B06AH</t>
  </si>
  <si>
    <t>Attività di gestione eventi</t>
  </si>
  <si>
    <t>B06AHN1</t>
  </si>
  <si>
    <t>Attività di gestione eventi, servizi di assistenza tecnica per convegni e manifestazioni, pet therapy, mostre ed eventi culturali, eventi sportivi, eventi musicali</t>
  </si>
  <si>
    <t>B06AH03</t>
  </si>
  <si>
    <t>Servizi di Hostess e interpretariato</t>
  </si>
  <si>
    <t>B06AI</t>
  </si>
  <si>
    <t>Servizi professionali di certificazione e relativo auditing</t>
  </si>
  <si>
    <t>B06AI01</t>
  </si>
  <si>
    <t>B06AJ</t>
  </si>
  <si>
    <t>Ricerche di mercato e CRM/Loyalty</t>
  </si>
  <si>
    <t>B06AJ01</t>
  </si>
  <si>
    <t>Servizi professionali per le ricerche di mercato e customer satisfaction</t>
  </si>
  <si>
    <t>B06AJ02</t>
  </si>
  <si>
    <t>Gestione di programmi CRM/Loyalty</t>
  </si>
  <si>
    <t>B06AK</t>
  </si>
  <si>
    <t>Servizi professionali per la selezione e ricerca del personale</t>
  </si>
  <si>
    <t>B06AK01</t>
  </si>
  <si>
    <t>B06AL</t>
  </si>
  <si>
    <t>Servizi di compliance, audit e verifiche ispettive</t>
  </si>
  <si>
    <t>B06AL01</t>
  </si>
  <si>
    <t>B06AM</t>
  </si>
  <si>
    <t>Servizi professionali relativi alla struttura organizzativa e sua evoluzione</t>
  </si>
  <si>
    <t>B06AM01</t>
  </si>
  <si>
    <t>B06AP</t>
  </si>
  <si>
    <t>Servizi professionali a supporto dell'evoluzione dei processi</t>
  </si>
  <si>
    <t>B06AP01</t>
  </si>
  <si>
    <t>C</t>
  </si>
  <si>
    <t>LAVORI</t>
  </si>
  <si>
    <t>C01</t>
  </si>
  <si>
    <t>Realizzazione di infrastrutture, edifici, impianti e relative manutenzioni</t>
  </si>
  <si>
    <t>C01AB</t>
  </si>
  <si>
    <t>Realizzazione e manutenzione edifici civili e industriali</t>
  </si>
  <si>
    <t>C01AB01</t>
  </si>
  <si>
    <t>Lavori di realizzazione e manutenzione edifici civili e industriali</t>
  </si>
  <si>
    <t>C01AC</t>
  </si>
  <si>
    <t>Realizzazione e manutenzione infrastrutture di viabilità, piste e piazzali</t>
  </si>
  <si>
    <t>C01AC01</t>
  </si>
  <si>
    <t>Realizzazione e manutenz. infrastrutture di viabilità, piste e piazzali</t>
  </si>
  <si>
    <t>C01AD</t>
  </si>
  <si>
    <t>Realizzazione e manutenzione impianti di trasporto merci e bagagli</t>
  </si>
  <si>
    <t>C01AD01</t>
  </si>
  <si>
    <t>realizzazione e Impianti movimentaz. bagagli e merci</t>
  </si>
  <si>
    <t>C01AE</t>
  </si>
  <si>
    <t>Realizzazione e manutenzione impianti di trasporto persone</t>
  </si>
  <si>
    <t>C01AEN1</t>
  </si>
  <si>
    <t>Realizzazione e manutenzione impianti trasporto persone</t>
  </si>
  <si>
    <t>C01AF</t>
  </si>
  <si>
    <t>Realizzazione e manutenzione impianti di illuminazione piste/piazzali</t>
  </si>
  <si>
    <t>C01AF01</t>
  </si>
  <si>
    <t>C01AF02</t>
  </si>
  <si>
    <t>C01AG</t>
  </si>
  <si>
    <t>Realizzazione e manutenzione impianti termomeccanici</t>
  </si>
  <si>
    <t>C01AG01</t>
  </si>
  <si>
    <t>C01AG02</t>
  </si>
  <si>
    <t>C01AG03</t>
  </si>
  <si>
    <t>C01AH</t>
  </si>
  <si>
    <t>Realizzazione e manutenzione impianti per imbarco/sbarco passeggeri</t>
  </si>
  <si>
    <t>C01AH01</t>
  </si>
  <si>
    <t>C01AH02</t>
  </si>
  <si>
    <t>C01AH03</t>
  </si>
  <si>
    <t>C01AI</t>
  </si>
  <si>
    <t>Realizzazione e manutenzione impianti ausiliari</t>
  </si>
  <si>
    <t>C01AI16</t>
  </si>
  <si>
    <t>C01AI01</t>
  </si>
  <si>
    <t>C01AI02</t>
  </si>
  <si>
    <t>C01AI03</t>
  </si>
  <si>
    <t>C01AI04</t>
  </si>
  <si>
    <t>C01AI05</t>
  </si>
  <si>
    <t>C01AI06</t>
  </si>
  <si>
    <t>C01AI07</t>
  </si>
  <si>
    <t>C01AI08</t>
  </si>
  <si>
    <t>C01AI09</t>
  </si>
  <si>
    <t>C01AI10</t>
  </si>
  <si>
    <t>C01AI11</t>
  </si>
  <si>
    <t>C01AI12</t>
  </si>
  <si>
    <t>C01AI13</t>
  </si>
  <si>
    <t>C01AI14</t>
  </si>
  <si>
    <t>C01AI15</t>
  </si>
  <si>
    <t>C01AJ</t>
  </si>
  <si>
    <t>Realizzazione e manutenzione impianti di telecomunicazione e trasmissione dati</t>
  </si>
  <si>
    <t>C01AJ01</t>
  </si>
  <si>
    <t>Realizzazione e manutenz. impianti di telecomunicazione e trasmissione dati</t>
  </si>
  <si>
    <t>C01AK</t>
  </si>
  <si>
    <t>Realizzazione e manutenz. impianti e opere di bonifica e protezione ambientale</t>
  </si>
  <si>
    <t>C01AK01</t>
  </si>
  <si>
    <t>Categorie SOA abbinabili:
OG9 -Impianti per la produzione di energia elettrica. (tipo impianti fotovoltaici e pale eoliche)</t>
  </si>
  <si>
    <t>Descrizione Categoria Merceologica</t>
  </si>
  <si>
    <t>Codice Categoria Merceologica</t>
  </si>
  <si>
    <t>Realizzazione e manutenzione per Impianti AVL</t>
  </si>
  <si>
    <t>Installazione e manutenzione di Torri faro fisse e mobili</t>
  </si>
  <si>
    <t>Installazione e manutenzione di Gruppi frigorifero</t>
  </si>
  <si>
    <t>Realizzazione e manutenzione Impianti di condizionamento</t>
  </si>
  <si>
    <t>Realizzazione e manutenzione Impianti di riscaldamento</t>
  </si>
  <si>
    <t>Installazione e manutenzione di Pontili di imbarco/sbarco</t>
  </si>
  <si>
    <t>Installazione e manutenzione di Convertitori statici per pontili</t>
  </si>
  <si>
    <t>Realizzazione e manutenzione di Impianti Guide ottiche</t>
  </si>
  <si>
    <t>Realizzazione e manutenzione Impianti per parcheggi</t>
  </si>
  <si>
    <t>Realizzazione e manutenzione Impianti fissi per il controllo accessi (tornelli/varchi automatici)</t>
  </si>
  <si>
    <t>Installazione e manutenzione di Colonnine di ricarica veicoli elettrici</t>
  </si>
  <si>
    <t>Realizzazione e manutenzione Impianti audio/video</t>
  </si>
  <si>
    <t>Realizzazione e manutenzione Impianti TVCC/Videosorveglianza/videoregistrazione</t>
  </si>
  <si>
    <t>Realizzazione e manutenzione Impianti elettrici/Mt/BT</t>
  </si>
  <si>
    <t>Realizzazione e manutenzione Impianti di illuminazione</t>
  </si>
  <si>
    <t>Realizzazione e manutenzione Impianti antincendio</t>
  </si>
  <si>
    <t>Realizzazione e manutenzione Impianti idrosanitari</t>
  </si>
  <si>
    <t>Realizzazione e manutenzione Impianti rilevazione fumi</t>
  </si>
  <si>
    <t>Realizzazione e manutenzione Impianti per rilevazioni meteorologiche</t>
  </si>
  <si>
    <t>Realizzazione e manutenzione Impianti di irrigazione</t>
  </si>
  <si>
    <t>Installazione e manutenzione di Pannelli luminosi/Display</t>
  </si>
  <si>
    <t>Realizzazione e manutenzione Impianti di stoccaggio carburante</t>
  </si>
  <si>
    <t>Realizzazione e manutenzione Altri impianti ausiliari</t>
  </si>
  <si>
    <t>Realizzazione e manutenzione Impianti fotovoltaici</t>
  </si>
  <si>
    <t>Categorie SOA abbinabili: 
OG 1 - Edifici civili e industriali,
OS1 - lavori in terra
OS 6 - Finiture di opere generali in materiali lignei, plastici, metallici e vetrosi
OS 7 - Finiture di opere generali di natura edile e tecnica
OS 8 - Opere di impermeabilizzazione
OS 13 - Strutture prefabbricate in cemento armato
OS18A - componenti strutturali in acciaio
OS 18 -B - Componenti per facciate continue 
OS 21 - Opere strutturali speciali
OS 23 - Demolizione di opere
OS24 - verde e arredo urbani</t>
  </si>
  <si>
    <t>Categorie SOA abbinabili: 
OG 3 - Strade, autostrade, ponti, viadotti, ferrovie, metropolitane
OS1 - lavori in terra
OS 10 - Segnaletica stradale non luminosa
OS 12 -A - Barriere stradali di sicurezza
OS26 - pavimentazioni e sovrastrutture speciali</t>
  </si>
  <si>
    <t>Categorie SOA abbinabili: 
OS4 - impianti elettromeccanici trasportatori</t>
  </si>
  <si>
    <t>Categorie SOA abbinabili: 
OS 9 - Impianti per la segnaletica luminosa e la sicurezza del traffico
OG 10 - Impianti per la trasformazione alta/media tensione e per la distribuzione di energia elettrica in corrente alternata e continua ed impianti di pubblica illuminazione
OS 19 - Impianti di reti di telecomunicazione e di trasmissioni e trattamento</t>
  </si>
  <si>
    <t>Categorie SOA abbinabili: 
OS 28 - Impianti termici e di condizionamento
OG 11 - Impianti tecnologici</t>
  </si>
  <si>
    <t>Categorie SOA abbinabili: 
OS 18-A - Componenti strutturali in acciao e metallo 
OS 18 -B - Componenti per facciate continue
OS 30</t>
  </si>
  <si>
    <t xml:space="preserve">Categorie SOA abbinabili:
OS 30 - Impianti interni elettrici, telefonici, radiotelefonici e televisivi
OS 28 - Impianti termici e di condizionamento
OS 5 - Impianti pneumatici e antintrusione
OG 10 - Impianti per la trasformazione alta/media tensione e per la distribuzione di energia elettrica in corrente alternata e continua ed impianti di pubblica illuminazione
OG 11 - Impianti tecnologici
</t>
  </si>
  <si>
    <t xml:space="preserve">Categorie SOA abbinabili:
OS 30 - Impianti interni elettrici, telefonici, radiotelefonici e televisivi
OS 5 - Impianti pneumatici e antintrusione
OG 11 - Impianti tecnologici
</t>
  </si>
  <si>
    <t xml:space="preserve">Categorie SOA abbinabili:
OS 30 - Impianti interni elettrici, telefonici, radiotelefonici e televisivi
OG 10 - Impianti per la trasformazione alta/media tensione e per la distribuzione di energia elettrica in corrente alternata e continua ed impianti di pubblica illuminazione
OG 11 - Impianti tecnologici
</t>
  </si>
  <si>
    <t xml:space="preserve">Categorie SOA abbinabili:
OS 30 - Impianti interni elettrici, telefonici, radiotelefonici e televisivi
OG 11 - Impianti tecnologici
</t>
  </si>
  <si>
    <t xml:space="preserve">Categorie SOA abbinabili:
OG 10 - Impianti per la trasformazione alta/media tensione e per la distribuzione di energia elettrica in corrente alternata e continua ed impianti di pubblica illuminazione
</t>
  </si>
  <si>
    <t xml:space="preserve">Categorie SOA abbinabili:
OS 28 - Impianti termici e di condizionamento
OS 30 - Impianti interni elettrici, telefonici, radiotelefonici e televisivi
OG 11 - Impianti tecnologici
OS3 - impianti  idrico-sanitario, cucine, lavanderie
</t>
  </si>
  <si>
    <t xml:space="preserve">Categorie SOA abbinabili:
OS3 - impianti  idrico-sanitario, cucine, lavanderie
OG 11 - Impianti tecnologici
</t>
  </si>
  <si>
    <t xml:space="preserve">Categorie SOA abbinabili:
OG 6 - Acquedotti, gasdotti, oleodotti, opere di irrigazione e di evacuazione
</t>
  </si>
  <si>
    <t>Categorie SOA abbinabili:
OS 30 - Impianti interni elettrici, telefonici, radiotelefonici e televisivi
OG 10 - Impianti per la trasformazione alta/media tensione e per la distribuzione di energia elettrica in corrente alternata e continua ed impianti di pubblica illuminazione
OG 11 - Impianti tecnologici
OS 19 - Impianti di reti di telecomunicazione e di trasmissioni e trattamento</t>
  </si>
  <si>
    <t>Categorie SOA abbinabili:
OG 11 - Impianti tecnologici</t>
  </si>
  <si>
    <t xml:space="preserve">Categorie SOA abbinabili:
OS 30 - Impianti interni elettrici, telefonici, radiotelefonici e televisivi
</t>
  </si>
  <si>
    <t>Categorie SOA abbinabili:
OS 19 - Impianti di reti di telecomunicazione e di trasmissioni e trattamento</t>
  </si>
  <si>
    <t>Categorie SOA abbinabili:
OG 12 - Opere ed impianti di bonifica e protezione ambientale</t>
  </si>
  <si>
    <t xml:space="preserve">Albero Merceologico SEA - Portale Fornitori </t>
  </si>
  <si>
    <t>Dettagli Categoria Merceologica</t>
  </si>
  <si>
    <t>A13</t>
  </si>
  <si>
    <t>Forniture tramite reti di distribuzione</t>
  </si>
  <si>
    <t>A13AA</t>
  </si>
  <si>
    <t>Acqua, gas metano, energia elettrica</t>
  </si>
  <si>
    <t>A13AA01</t>
  </si>
  <si>
    <t xml:space="preserve">Fornitura Acqua </t>
  </si>
  <si>
    <t>Fornitura Acqua H₂O</t>
  </si>
  <si>
    <t>Fornitura Gas Metano</t>
  </si>
  <si>
    <t>Fornitura Gas Metano CH₄</t>
  </si>
  <si>
    <t>A13AA03</t>
  </si>
  <si>
    <t>Fornitura Energia Elettrica</t>
  </si>
  <si>
    <t>Fornitura Elettrica kWh</t>
  </si>
  <si>
    <t>A06AA06</t>
  </si>
  <si>
    <t>Apparati e sistemi di Bird Strike</t>
  </si>
  <si>
    <t>Monitoraggio Droni</t>
  </si>
  <si>
    <t>B01AI</t>
  </si>
  <si>
    <t>B01AI01</t>
  </si>
  <si>
    <t>Servizio di monitoraggio droni</t>
  </si>
  <si>
    <t>A13AA02</t>
  </si>
  <si>
    <t>B01AE02</t>
  </si>
  <si>
    <t>Servizi per il trasporto di beni e bagagli</t>
  </si>
  <si>
    <t>Movimentazione di valigie, merci o attrezzature per i passegger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font>
      <sz val="11"/>
      <color indexed="8"/>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b/>
      <sz val="14"/>
      <color indexed="8"/>
      <name val="Aptos Narrow"/>
      <family val="2"/>
      <scheme val="minor"/>
    </font>
    <font>
      <sz val="11"/>
      <name val="Aptos Narrow"/>
      <family val="2"/>
      <scheme val="minor"/>
    </font>
    <font>
      <sz val="11"/>
      <color theme="0"/>
      <name val="Aptos Narrow"/>
      <family val="2"/>
      <scheme val="minor"/>
    </font>
    <font>
      <b/>
      <sz val="11"/>
      <name val="Aptos Narrow"/>
      <family val="2"/>
      <scheme val="minor"/>
    </font>
  </fonts>
  <fills count="6">
    <fill>
      <patternFill patternType="none"/>
    </fill>
    <fill>
      <patternFill patternType="gray125"/>
    </fill>
    <fill>
      <patternFill patternType="solid">
        <fgColor rgb="FFFF0000"/>
        <bgColor indexed="64"/>
      </patternFill>
    </fill>
    <fill>
      <patternFill patternType="solid">
        <fgColor theme="3" tint="0.249977111117893"/>
        <bgColor indexed="64"/>
      </patternFill>
    </fill>
    <fill>
      <patternFill patternType="solid">
        <fgColor theme="0" tint="-0.14999847407452621"/>
        <bgColor indexed="64"/>
      </patternFill>
    </fill>
    <fill>
      <patternFill patternType="solid">
        <fgColor theme="7" tint="0.79998168889431442"/>
        <bgColor indexed="64"/>
      </patternFill>
    </fill>
  </fills>
  <borders count="3">
    <border>
      <left/>
      <right/>
      <top/>
      <bottom/>
      <diagonal/>
    </border>
    <border>
      <left/>
      <right/>
      <top/>
      <bottom style="medium">
        <color rgb="FF000000"/>
      </bottom>
      <diagonal/>
    </border>
    <border>
      <left/>
      <right/>
      <top/>
      <bottom style="thin">
        <color indexed="64"/>
      </bottom>
      <diagonal/>
    </border>
  </borders>
  <cellStyleXfs count="2">
    <xf numFmtId="0" fontId="0" fillId="0" borderId="0"/>
    <xf numFmtId="0" fontId="4" fillId="0" borderId="0"/>
  </cellStyleXfs>
  <cellXfs count="25">
    <xf numFmtId="0" fontId="0" fillId="0" borderId="0" xfId="0"/>
    <xf numFmtId="0" fontId="0" fillId="0" borderId="0" xfId="0" applyFont="1"/>
    <xf numFmtId="49" fontId="9" fillId="0" borderId="2" xfId="0" applyNumberFormat="1" applyFont="1" applyFill="1" applyBorder="1" applyAlignment="1">
      <alignment horizontal="right" vertical="center" wrapText="1"/>
    </xf>
    <xf numFmtId="49" fontId="9" fillId="0" borderId="2" xfId="0" applyNumberFormat="1" applyFont="1" applyFill="1" applyBorder="1" applyAlignment="1">
      <alignment horizontal="center" vertical="center" wrapText="1"/>
    </xf>
    <xf numFmtId="49" fontId="9" fillId="0" borderId="2" xfId="0" applyNumberFormat="1" applyFont="1" applyFill="1" applyBorder="1" applyAlignment="1">
      <alignment horizontal="left" vertical="center" wrapText="1"/>
    </xf>
    <xf numFmtId="0" fontId="5" fillId="0" borderId="0" xfId="0" applyFont="1" applyAlignment="1">
      <alignment horizontal="left" vertical="center" wrapText="1"/>
    </xf>
    <xf numFmtId="49" fontId="5" fillId="0" borderId="0" xfId="0" applyNumberFormat="1" applyFont="1" applyAlignment="1">
      <alignment horizontal="left" vertical="center" wrapText="1"/>
    </xf>
    <xf numFmtId="0" fontId="5" fillId="0" borderId="1" xfId="0" applyFont="1" applyBorder="1" applyAlignment="1">
      <alignment horizontal="left" vertical="center" wrapText="1"/>
    </xf>
    <xf numFmtId="0" fontId="0" fillId="0" borderId="0" xfId="0" applyFont="1" applyAlignment="1">
      <alignment vertical="center"/>
    </xf>
    <xf numFmtId="0" fontId="6" fillId="0" borderId="0" xfId="0" applyFont="1" applyAlignment="1">
      <alignment vertical="center"/>
    </xf>
    <xf numFmtId="49" fontId="7" fillId="0" borderId="0" xfId="0" applyNumberFormat="1" applyFont="1" applyAlignment="1">
      <alignment vertical="center"/>
    </xf>
    <xf numFmtId="49" fontId="8" fillId="2" borderId="0" xfId="0" applyNumberFormat="1" applyFont="1" applyFill="1" applyAlignment="1">
      <alignment vertical="center"/>
    </xf>
    <xf numFmtId="49" fontId="8" fillId="3" borderId="0" xfId="0" applyNumberFormat="1" applyFont="1" applyFill="1" applyAlignment="1">
      <alignment vertical="center"/>
    </xf>
    <xf numFmtId="49" fontId="5" fillId="5" borderId="0" xfId="0" applyNumberFormat="1" applyFont="1" applyFill="1" applyAlignment="1">
      <alignment vertical="center"/>
    </xf>
    <xf numFmtId="49" fontId="5" fillId="4" borderId="0" xfId="0" applyNumberFormat="1" applyFont="1" applyFill="1" applyAlignment="1">
      <alignment vertical="center"/>
    </xf>
    <xf numFmtId="0" fontId="7" fillId="0" borderId="1" xfId="0" applyFont="1" applyBorder="1" applyAlignment="1">
      <alignment vertical="center"/>
    </xf>
    <xf numFmtId="0" fontId="0" fillId="0" borderId="0" xfId="0" applyFont="1" applyBorder="1" applyAlignment="1">
      <alignment horizontal="right" vertical="center"/>
    </xf>
    <xf numFmtId="49" fontId="7" fillId="0" borderId="0" xfId="0" applyNumberFormat="1" applyFont="1" applyBorder="1" applyAlignment="1">
      <alignment horizontal="right" vertical="center"/>
    </xf>
    <xf numFmtId="0" fontId="7" fillId="0" borderId="0" xfId="0" applyFont="1" applyBorder="1" applyAlignment="1">
      <alignment horizontal="right" vertical="center"/>
    </xf>
    <xf numFmtId="49" fontId="3" fillId="5" borderId="0" xfId="0" applyNumberFormat="1" applyFont="1" applyFill="1" applyAlignment="1">
      <alignment vertical="center"/>
    </xf>
    <xf numFmtId="49" fontId="3" fillId="4" borderId="0" xfId="0" applyNumberFormat="1" applyFont="1" applyFill="1" applyAlignment="1">
      <alignment vertical="center"/>
    </xf>
    <xf numFmtId="49" fontId="3" fillId="0" borderId="0" xfId="0" applyNumberFormat="1" applyFont="1" applyAlignment="1">
      <alignment horizontal="left" vertical="center" wrapText="1"/>
    </xf>
    <xf numFmtId="49" fontId="2" fillId="4" borderId="0" xfId="0" applyNumberFormat="1" applyFont="1" applyFill="1" applyAlignment="1">
      <alignment vertical="center"/>
    </xf>
    <xf numFmtId="49" fontId="1" fillId="4" borderId="0" xfId="0" applyNumberFormat="1" applyFont="1" applyFill="1" applyAlignment="1">
      <alignment vertical="center"/>
    </xf>
    <xf numFmtId="49" fontId="1" fillId="0" borderId="0" xfId="0" applyNumberFormat="1" applyFont="1" applyAlignment="1">
      <alignment horizontal="left" vertical="center" wrapText="1"/>
    </xf>
  </cellXfs>
  <cellStyles count="2">
    <cellStyle name="Normale" xfId="0" builtinId="0"/>
    <cellStyle name="Normale 2 2" xfId="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541020</xdr:colOff>
      <xdr:row>0</xdr:row>
      <xdr:rowOff>58420</xdr:rowOff>
    </xdr:from>
    <xdr:to>
      <xdr:col>1</xdr:col>
      <xdr:colOff>1255495</xdr:colOff>
      <xdr:row>2</xdr:row>
      <xdr:rowOff>2636</xdr:rowOff>
    </xdr:to>
    <xdr:pic>
      <xdr:nvPicPr>
        <xdr:cNvPr id="2" name="Picture 1">
          <a:extLst>
            <a:ext uri="{FF2B5EF4-FFF2-40B4-BE49-F238E27FC236}">
              <a16:creationId xmlns:a16="http://schemas.microsoft.com/office/drawing/2014/main" id="{2ED2B059-78DD-F0ED-1774-B85052F54C7B}"/>
            </a:ext>
          </a:extLst>
        </xdr:cNvPr>
        <xdr:cNvPicPr>
          <a:picLocks noChangeAspect="1"/>
        </xdr:cNvPicPr>
      </xdr:nvPicPr>
      <xdr:blipFill>
        <a:blip xmlns:r="http://schemas.openxmlformats.org/officeDocument/2006/relationships" r:embed="rId1"/>
        <a:stretch>
          <a:fillRect/>
        </a:stretch>
      </xdr:blipFill>
      <xdr:spPr>
        <a:xfrm>
          <a:off x="693420" y="58420"/>
          <a:ext cx="714475" cy="680816"/>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D381"/>
  <sheetViews>
    <sheetView tabSelected="1" zoomScaleNormal="100" zoomScaleSheetLayoutView="100" workbookViewId="0">
      <selection activeCell="B2" sqref="B2"/>
    </sheetView>
  </sheetViews>
  <sheetFormatPr defaultColWidth="8.875" defaultRowHeight="14.25"/>
  <cols>
    <col min="1" max="1" width="2.25" style="1" customWidth="1"/>
    <col min="2" max="2" width="21.125" style="16" customWidth="1"/>
    <col min="3" max="3" width="80.75" style="8" bestFit="1" customWidth="1"/>
    <col min="4" max="4" width="69.75" style="5" customWidth="1"/>
    <col min="5" max="5" width="1.5" style="1" customWidth="1"/>
    <col min="6" max="16384" width="8.875" style="1"/>
  </cols>
  <sheetData>
    <row r="2" spans="2:4" ht="44.45" customHeight="1">
      <c r="C2" s="9" t="s">
        <v>767</v>
      </c>
    </row>
    <row r="3" spans="2:4" ht="59.45" customHeight="1"/>
    <row r="4" spans="2:4" ht="39" customHeight="1">
      <c r="B4" s="2" t="s">
        <v>723</v>
      </c>
      <c r="C4" s="3" t="s">
        <v>722</v>
      </c>
      <c r="D4" s="4" t="s">
        <v>768</v>
      </c>
    </row>
    <row r="5" spans="2:4">
      <c r="B5" s="17" t="s">
        <v>0</v>
      </c>
      <c r="C5" s="11" t="s">
        <v>1</v>
      </c>
      <c r="D5" s="6"/>
    </row>
    <row r="6" spans="2:4">
      <c r="B6" s="17" t="s">
        <v>2</v>
      </c>
      <c r="C6" s="12" t="s">
        <v>3</v>
      </c>
      <c r="D6" s="6"/>
    </row>
    <row r="7" spans="2:4">
      <c r="B7" s="17" t="s">
        <v>4</v>
      </c>
      <c r="C7" s="13" t="s">
        <v>5</v>
      </c>
      <c r="D7" s="6"/>
    </row>
    <row r="8" spans="2:4">
      <c r="B8" s="17" t="s">
        <v>6</v>
      </c>
      <c r="C8" s="14" t="s">
        <v>5</v>
      </c>
      <c r="D8" s="6"/>
    </row>
    <row r="9" spans="2:4">
      <c r="B9" s="17" t="s">
        <v>7</v>
      </c>
      <c r="C9" s="13" t="s">
        <v>8</v>
      </c>
      <c r="D9" s="6"/>
    </row>
    <row r="10" spans="2:4">
      <c r="B10" s="17" t="s">
        <v>9</v>
      </c>
      <c r="C10" s="14" t="s">
        <v>10</v>
      </c>
      <c r="D10" s="6"/>
    </row>
    <row r="11" spans="2:4">
      <c r="B11" s="17" t="s">
        <v>11</v>
      </c>
      <c r="C11" s="14" t="s">
        <v>12</v>
      </c>
      <c r="D11" s="6"/>
    </row>
    <row r="12" spans="2:4">
      <c r="B12" s="17" t="s">
        <v>13</v>
      </c>
      <c r="C12" s="14" t="s">
        <v>14</v>
      </c>
      <c r="D12" s="6"/>
    </row>
    <row r="13" spans="2:4">
      <c r="B13" s="17" t="s">
        <v>15</v>
      </c>
      <c r="C13" s="14" t="s">
        <v>16</v>
      </c>
      <c r="D13" s="6"/>
    </row>
    <row r="14" spans="2:4">
      <c r="B14" s="17" t="s">
        <v>17</v>
      </c>
      <c r="C14" s="13" t="s">
        <v>18</v>
      </c>
      <c r="D14" s="6"/>
    </row>
    <row r="15" spans="2:4">
      <c r="B15" s="17" t="s">
        <v>19</v>
      </c>
      <c r="C15" s="14" t="s">
        <v>18</v>
      </c>
      <c r="D15" s="6"/>
    </row>
    <row r="16" spans="2:4">
      <c r="B16" s="17" t="s">
        <v>20</v>
      </c>
      <c r="C16" s="13" t="s">
        <v>21</v>
      </c>
      <c r="D16" s="6"/>
    </row>
    <row r="17" spans="2:4">
      <c r="B17" s="17" t="s">
        <v>22</v>
      </c>
      <c r="C17" s="14" t="s">
        <v>21</v>
      </c>
      <c r="D17" s="6"/>
    </row>
    <row r="18" spans="2:4">
      <c r="B18" s="17" t="s">
        <v>23</v>
      </c>
      <c r="C18" s="13" t="s">
        <v>24</v>
      </c>
      <c r="D18" s="6"/>
    </row>
    <row r="19" spans="2:4">
      <c r="B19" s="17" t="s">
        <v>25</v>
      </c>
      <c r="C19" s="14" t="s">
        <v>26</v>
      </c>
      <c r="D19" s="6" t="s">
        <v>27</v>
      </c>
    </row>
    <row r="20" spans="2:4">
      <c r="B20" s="17" t="s">
        <v>28</v>
      </c>
      <c r="C20" s="13" t="s">
        <v>29</v>
      </c>
      <c r="D20" s="6"/>
    </row>
    <row r="21" spans="2:4">
      <c r="B21" s="17" t="s">
        <v>30</v>
      </c>
      <c r="C21" s="14" t="s">
        <v>29</v>
      </c>
      <c r="D21" s="6"/>
    </row>
    <row r="22" spans="2:4">
      <c r="B22" s="17" t="s">
        <v>31</v>
      </c>
      <c r="C22" s="13" t="s">
        <v>32</v>
      </c>
      <c r="D22" s="6"/>
    </row>
    <row r="23" spans="2:4">
      <c r="B23" s="17" t="s">
        <v>33</v>
      </c>
      <c r="C23" s="14" t="s">
        <v>32</v>
      </c>
      <c r="D23" s="6"/>
    </row>
    <row r="24" spans="2:4">
      <c r="B24" s="17" t="s">
        <v>34</v>
      </c>
      <c r="C24" s="13" t="s">
        <v>35</v>
      </c>
      <c r="D24" s="6"/>
    </row>
    <row r="25" spans="2:4" ht="28.5">
      <c r="B25" s="17" t="s">
        <v>36</v>
      </c>
      <c r="C25" s="14" t="s">
        <v>35</v>
      </c>
      <c r="D25" s="6" t="s">
        <v>37</v>
      </c>
    </row>
    <row r="26" spans="2:4">
      <c r="B26" s="17" t="s">
        <v>38</v>
      </c>
      <c r="C26" s="14" t="s">
        <v>39</v>
      </c>
      <c r="D26" s="6"/>
    </row>
    <row r="27" spans="2:4">
      <c r="B27" s="17" t="s">
        <v>40</v>
      </c>
      <c r="C27" s="13" t="s">
        <v>41</v>
      </c>
      <c r="D27" s="6"/>
    </row>
    <row r="28" spans="2:4">
      <c r="B28" s="17" t="s">
        <v>42</v>
      </c>
      <c r="C28" s="14" t="s">
        <v>41</v>
      </c>
      <c r="D28" s="6" t="s">
        <v>43</v>
      </c>
    </row>
    <row r="29" spans="2:4">
      <c r="B29" s="17" t="s">
        <v>44</v>
      </c>
      <c r="C29" s="13" t="s">
        <v>45</v>
      </c>
      <c r="D29" s="6"/>
    </row>
    <row r="30" spans="2:4">
      <c r="B30" s="17" t="s">
        <v>46</v>
      </c>
      <c r="C30" s="14" t="s">
        <v>47</v>
      </c>
      <c r="D30" s="6"/>
    </row>
    <row r="31" spans="2:4">
      <c r="B31" s="17" t="s">
        <v>48</v>
      </c>
      <c r="C31" s="13" t="s">
        <v>49</v>
      </c>
      <c r="D31" s="6"/>
    </row>
    <row r="32" spans="2:4">
      <c r="B32" s="17" t="s">
        <v>50</v>
      </c>
      <c r="C32" s="14" t="s">
        <v>49</v>
      </c>
      <c r="D32" s="6" t="s">
        <v>51</v>
      </c>
    </row>
    <row r="33" spans="2:4">
      <c r="B33" s="17" t="s">
        <v>52</v>
      </c>
      <c r="C33" s="13" t="s">
        <v>53</v>
      </c>
      <c r="D33" s="6"/>
    </row>
    <row r="34" spans="2:4">
      <c r="B34" s="17" t="s">
        <v>54</v>
      </c>
      <c r="C34" s="14" t="s">
        <v>55</v>
      </c>
      <c r="D34" s="6"/>
    </row>
    <row r="35" spans="2:4">
      <c r="B35" s="17" t="s">
        <v>56</v>
      </c>
      <c r="C35" s="13" t="s">
        <v>57</v>
      </c>
      <c r="D35" s="6"/>
    </row>
    <row r="36" spans="2:4">
      <c r="B36" s="17" t="s">
        <v>58</v>
      </c>
      <c r="C36" s="14" t="s">
        <v>57</v>
      </c>
      <c r="D36" s="6"/>
    </row>
    <row r="37" spans="2:4">
      <c r="B37" s="17" t="s">
        <v>59</v>
      </c>
      <c r="C37" s="13" t="s">
        <v>60</v>
      </c>
      <c r="D37" s="6"/>
    </row>
    <row r="38" spans="2:4">
      <c r="B38" s="17" t="s">
        <v>61</v>
      </c>
      <c r="C38" s="14" t="s">
        <v>60</v>
      </c>
      <c r="D38" s="6" t="s">
        <v>62</v>
      </c>
    </row>
    <row r="39" spans="2:4">
      <c r="B39" s="17" t="s">
        <v>63</v>
      </c>
      <c r="C39" s="13" t="s">
        <v>64</v>
      </c>
      <c r="D39" s="6"/>
    </row>
    <row r="40" spans="2:4">
      <c r="B40" s="17" t="s">
        <v>65</v>
      </c>
      <c r="C40" s="14" t="s">
        <v>64</v>
      </c>
      <c r="D40" s="6"/>
    </row>
    <row r="41" spans="2:4">
      <c r="B41" s="17" t="s">
        <v>66</v>
      </c>
      <c r="C41" s="13" t="s">
        <v>67</v>
      </c>
      <c r="D41" s="6"/>
    </row>
    <row r="42" spans="2:4">
      <c r="B42" s="17" t="s">
        <v>68</v>
      </c>
      <c r="C42" s="14" t="s">
        <v>67</v>
      </c>
      <c r="D42" s="6" t="s">
        <v>69</v>
      </c>
    </row>
    <row r="43" spans="2:4">
      <c r="B43" s="17" t="s">
        <v>70</v>
      </c>
      <c r="C43" s="13" t="s">
        <v>71</v>
      </c>
      <c r="D43" s="6"/>
    </row>
    <row r="44" spans="2:4">
      <c r="B44" s="17" t="s">
        <v>72</v>
      </c>
      <c r="C44" s="14" t="s">
        <v>71</v>
      </c>
      <c r="D44" s="6"/>
    </row>
    <row r="45" spans="2:4">
      <c r="B45" s="17" t="s">
        <v>73</v>
      </c>
      <c r="C45" s="13" t="s">
        <v>74</v>
      </c>
      <c r="D45" s="6"/>
    </row>
    <row r="46" spans="2:4">
      <c r="B46" s="17" t="s">
        <v>75</v>
      </c>
      <c r="C46" s="14" t="s">
        <v>74</v>
      </c>
      <c r="D46" s="6"/>
    </row>
    <row r="47" spans="2:4">
      <c r="B47" s="17" t="s">
        <v>76</v>
      </c>
      <c r="C47" s="13" t="s">
        <v>77</v>
      </c>
      <c r="D47" s="6"/>
    </row>
    <row r="48" spans="2:4">
      <c r="B48" s="17" t="s">
        <v>78</v>
      </c>
      <c r="C48" s="14" t="s">
        <v>77</v>
      </c>
      <c r="D48" s="6" t="s">
        <v>79</v>
      </c>
    </row>
    <row r="49" spans="2:4">
      <c r="B49" s="17" t="s">
        <v>80</v>
      </c>
      <c r="C49" s="13" t="s">
        <v>81</v>
      </c>
      <c r="D49" s="6"/>
    </row>
    <row r="50" spans="2:4">
      <c r="B50" s="17" t="s">
        <v>82</v>
      </c>
      <c r="C50" s="14" t="s">
        <v>81</v>
      </c>
      <c r="D50" s="6" t="s">
        <v>83</v>
      </c>
    </row>
    <row r="51" spans="2:4">
      <c r="B51" s="17" t="s">
        <v>84</v>
      </c>
      <c r="C51" s="13" t="s">
        <v>85</v>
      </c>
      <c r="D51" s="6"/>
    </row>
    <row r="52" spans="2:4" ht="71.25">
      <c r="B52" s="17" t="s">
        <v>86</v>
      </c>
      <c r="C52" s="14" t="s">
        <v>85</v>
      </c>
      <c r="D52" s="6" t="s">
        <v>87</v>
      </c>
    </row>
    <row r="53" spans="2:4">
      <c r="B53" s="17" t="s">
        <v>88</v>
      </c>
      <c r="C53" s="12" t="s">
        <v>89</v>
      </c>
      <c r="D53" s="6"/>
    </row>
    <row r="54" spans="2:4">
      <c r="B54" s="17" t="s">
        <v>90</v>
      </c>
      <c r="C54" s="13" t="s">
        <v>91</v>
      </c>
      <c r="D54" s="6"/>
    </row>
    <row r="55" spans="2:4">
      <c r="B55" s="17" t="s">
        <v>92</v>
      </c>
      <c r="C55" s="14" t="s">
        <v>93</v>
      </c>
      <c r="D55" s="6"/>
    </row>
    <row r="56" spans="2:4">
      <c r="B56" s="17" t="s">
        <v>94</v>
      </c>
      <c r="C56" s="14" t="s">
        <v>95</v>
      </c>
      <c r="D56" s="6"/>
    </row>
    <row r="57" spans="2:4">
      <c r="B57" s="17" t="s">
        <v>96</v>
      </c>
      <c r="C57" s="13" t="s">
        <v>97</v>
      </c>
      <c r="D57" s="6"/>
    </row>
    <row r="58" spans="2:4" ht="42.75">
      <c r="B58" s="17" t="s">
        <v>98</v>
      </c>
      <c r="C58" s="14" t="s">
        <v>97</v>
      </c>
      <c r="D58" s="6" t="s">
        <v>99</v>
      </c>
    </row>
    <row r="59" spans="2:4">
      <c r="B59" s="17" t="s">
        <v>100</v>
      </c>
      <c r="C59" s="13" t="s">
        <v>101</v>
      </c>
      <c r="D59" s="6"/>
    </row>
    <row r="60" spans="2:4">
      <c r="B60" s="17" t="s">
        <v>102</v>
      </c>
      <c r="C60" s="14" t="s">
        <v>101</v>
      </c>
      <c r="D60" s="6"/>
    </row>
    <row r="61" spans="2:4">
      <c r="B61" s="17" t="s">
        <v>103</v>
      </c>
      <c r="C61" s="13" t="s">
        <v>104</v>
      </c>
      <c r="D61" s="6"/>
    </row>
    <row r="62" spans="2:4" ht="28.5">
      <c r="B62" s="17" t="s">
        <v>105</v>
      </c>
      <c r="C62" s="14" t="s">
        <v>106</v>
      </c>
      <c r="D62" s="6" t="s">
        <v>107</v>
      </c>
    </row>
    <row r="63" spans="2:4">
      <c r="B63" s="17" t="s">
        <v>108</v>
      </c>
      <c r="C63" s="14" t="s">
        <v>109</v>
      </c>
      <c r="D63" s="6" t="s">
        <v>110</v>
      </c>
    </row>
    <row r="64" spans="2:4">
      <c r="B64" s="17" t="s">
        <v>111</v>
      </c>
      <c r="C64" s="13" t="s">
        <v>112</v>
      </c>
      <c r="D64" s="6"/>
    </row>
    <row r="65" spans="2:4" ht="28.5">
      <c r="B65" s="17" t="s">
        <v>113</v>
      </c>
      <c r="C65" s="14" t="s">
        <v>112</v>
      </c>
      <c r="D65" s="6" t="s">
        <v>114</v>
      </c>
    </row>
    <row r="66" spans="2:4">
      <c r="B66" s="17" t="s">
        <v>115</v>
      </c>
      <c r="C66" s="13" t="s">
        <v>116</v>
      </c>
      <c r="D66" s="6"/>
    </row>
    <row r="67" spans="2:4">
      <c r="B67" s="17" t="s">
        <v>117</v>
      </c>
      <c r="C67" s="14" t="s">
        <v>116</v>
      </c>
      <c r="D67" s="6" t="s">
        <v>118</v>
      </c>
    </row>
    <row r="68" spans="2:4">
      <c r="B68" s="17" t="s">
        <v>119</v>
      </c>
      <c r="C68" s="13" t="s">
        <v>120</v>
      </c>
      <c r="D68" s="6"/>
    </row>
    <row r="69" spans="2:4" ht="28.5">
      <c r="B69" s="17" t="s">
        <v>121</v>
      </c>
      <c r="C69" s="14" t="s">
        <v>120</v>
      </c>
      <c r="D69" s="6" t="s">
        <v>122</v>
      </c>
    </row>
    <row r="70" spans="2:4">
      <c r="B70" s="17" t="s">
        <v>123</v>
      </c>
      <c r="C70" s="13" t="s">
        <v>124</v>
      </c>
      <c r="D70" s="6"/>
    </row>
    <row r="71" spans="2:4">
      <c r="B71" s="17" t="s">
        <v>125</v>
      </c>
      <c r="C71" s="14" t="s">
        <v>124</v>
      </c>
      <c r="D71" s="6"/>
    </row>
    <row r="72" spans="2:4">
      <c r="B72" s="17" t="s">
        <v>126</v>
      </c>
      <c r="C72" s="13" t="s">
        <v>127</v>
      </c>
      <c r="D72" s="6"/>
    </row>
    <row r="73" spans="2:4">
      <c r="B73" s="17" t="s">
        <v>128</v>
      </c>
      <c r="C73" s="14" t="s">
        <v>127</v>
      </c>
      <c r="D73" s="6" t="s">
        <v>129</v>
      </c>
    </row>
    <row r="74" spans="2:4">
      <c r="B74" s="17" t="s">
        <v>130</v>
      </c>
      <c r="C74" s="13" t="s">
        <v>131</v>
      </c>
      <c r="D74" s="6"/>
    </row>
    <row r="75" spans="2:4">
      <c r="B75" s="17" t="s">
        <v>132</v>
      </c>
      <c r="C75" s="14" t="s">
        <v>131</v>
      </c>
      <c r="D75" s="6" t="s">
        <v>133</v>
      </c>
    </row>
    <row r="76" spans="2:4">
      <c r="B76" s="17" t="s">
        <v>134</v>
      </c>
      <c r="C76" s="13" t="s">
        <v>135</v>
      </c>
      <c r="D76" s="6"/>
    </row>
    <row r="77" spans="2:4">
      <c r="B77" s="17" t="s">
        <v>136</v>
      </c>
      <c r="C77" s="14" t="s">
        <v>135</v>
      </c>
      <c r="D77" s="6" t="s">
        <v>137</v>
      </c>
    </row>
    <row r="78" spans="2:4">
      <c r="B78" s="17" t="s">
        <v>138</v>
      </c>
      <c r="C78" s="13" t="s">
        <v>139</v>
      </c>
      <c r="D78" s="6"/>
    </row>
    <row r="79" spans="2:4" ht="28.5">
      <c r="B79" s="17" t="s">
        <v>140</v>
      </c>
      <c r="C79" s="14" t="s">
        <v>139</v>
      </c>
      <c r="D79" s="6" t="s">
        <v>141</v>
      </c>
    </row>
    <row r="80" spans="2:4">
      <c r="B80" s="17" t="s">
        <v>142</v>
      </c>
      <c r="C80" s="13" t="s">
        <v>143</v>
      </c>
      <c r="D80" s="6"/>
    </row>
    <row r="81" spans="2:4">
      <c r="B81" s="17" t="s">
        <v>144</v>
      </c>
      <c r="C81" s="14" t="s">
        <v>145</v>
      </c>
      <c r="D81" s="6"/>
    </row>
    <row r="82" spans="2:4">
      <c r="B82" s="17" t="s">
        <v>146</v>
      </c>
      <c r="C82" s="14" t="s">
        <v>147</v>
      </c>
      <c r="D82" s="6"/>
    </row>
    <row r="83" spans="2:4">
      <c r="B83" s="17" t="s">
        <v>148</v>
      </c>
      <c r="C83" s="14" t="s">
        <v>149</v>
      </c>
      <c r="D83" s="6"/>
    </row>
    <row r="84" spans="2:4">
      <c r="B84" s="17" t="s">
        <v>150</v>
      </c>
      <c r="C84" s="14" t="s">
        <v>151</v>
      </c>
      <c r="D84" s="6"/>
    </row>
    <row r="85" spans="2:4">
      <c r="B85" s="17" t="s">
        <v>152</v>
      </c>
      <c r="C85" s="13" t="s">
        <v>153</v>
      </c>
      <c r="D85" s="6"/>
    </row>
    <row r="86" spans="2:4" ht="42.75">
      <c r="B86" s="17" t="s">
        <v>154</v>
      </c>
      <c r="C86" s="14" t="s">
        <v>153</v>
      </c>
      <c r="D86" s="6" t="s">
        <v>155</v>
      </c>
    </row>
    <row r="87" spans="2:4">
      <c r="B87" s="17" t="s">
        <v>156</v>
      </c>
      <c r="C87" s="13" t="s">
        <v>157</v>
      </c>
      <c r="D87" s="6"/>
    </row>
    <row r="88" spans="2:4" ht="85.5">
      <c r="B88" s="17" t="s">
        <v>158</v>
      </c>
      <c r="C88" s="14" t="s">
        <v>157</v>
      </c>
      <c r="D88" s="6" t="s">
        <v>159</v>
      </c>
    </row>
    <row r="89" spans="2:4">
      <c r="B89" s="17" t="s">
        <v>160</v>
      </c>
      <c r="C89" s="13" t="s">
        <v>161</v>
      </c>
      <c r="D89" s="6"/>
    </row>
    <row r="90" spans="2:4">
      <c r="B90" s="17" t="s">
        <v>162</v>
      </c>
      <c r="C90" s="14" t="s">
        <v>161</v>
      </c>
      <c r="D90" s="6" t="s">
        <v>163</v>
      </c>
    </row>
    <row r="91" spans="2:4">
      <c r="B91" s="17" t="s">
        <v>164</v>
      </c>
      <c r="C91" s="12" t="s">
        <v>165</v>
      </c>
      <c r="D91" s="6"/>
    </row>
    <row r="92" spans="2:4">
      <c r="B92" s="17" t="s">
        <v>166</v>
      </c>
      <c r="C92" s="13" t="s">
        <v>167</v>
      </c>
      <c r="D92" s="6"/>
    </row>
    <row r="93" spans="2:4" ht="71.25">
      <c r="B93" s="17" t="s">
        <v>168</v>
      </c>
      <c r="C93" s="14" t="s">
        <v>169</v>
      </c>
      <c r="D93" s="6" t="s">
        <v>170</v>
      </c>
    </row>
    <row r="94" spans="2:4">
      <c r="B94" s="17" t="s">
        <v>171</v>
      </c>
      <c r="C94" s="14" t="s">
        <v>172</v>
      </c>
      <c r="D94" s="6" t="s">
        <v>173</v>
      </c>
    </row>
    <row r="95" spans="2:4">
      <c r="B95" s="17" t="s">
        <v>174</v>
      </c>
      <c r="C95" s="13" t="s">
        <v>175</v>
      </c>
      <c r="D95" s="6"/>
    </row>
    <row r="96" spans="2:4">
      <c r="B96" s="17" t="s">
        <v>176</v>
      </c>
      <c r="C96" s="14" t="s">
        <v>177</v>
      </c>
      <c r="D96" s="6"/>
    </row>
    <row r="97" spans="2:4">
      <c r="B97" s="17" t="s">
        <v>178</v>
      </c>
      <c r="C97" s="13" t="s">
        <v>179</v>
      </c>
      <c r="D97" s="6"/>
    </row>
    <row r="98" spans="2:4" ht="28.5">
      <c r="B98" s="17" t="s">
        <v>180</v>
      </c>
      <c r="C98" s="14" t="s">
        <v>181</v>
      </c>
      <c r="D98" s="6" t="s">
        <v>182</v>
      </c>
    </row>
    <row r="99" spans="2:4">
      <c r="B99" s="17" t="s">
        <v>183</v>
      </c>
      <c r="C99" s="14" t="s">
        <v>184</v>
      </c>
      <c r="D99" s="6" t="s">
        <v>185</v>
      </c>
    </row>
    <row r="100" spans="2:4">
      <c r="B100" s="17" t="s">
        <v>186</v>
      </c>
      <c r="C100" s="13" t="s">
        <v>187</v>
      </c>
      <c r="D100" s="6"/>
    </row>
    <row r="101" spans="2:4" ht="71.25">
      <c r="B101" s="17" t="s">
        <v>188</v>
      </c>
      <c r="C101" s="14" t="s">
        <v>189</v>
      </c>
      <c r="D101" s="6" t="s">
        <v>190</v>
      </c>
    </row>
    <row r="102" spans="2:4">
      <c r="B102" s="17" t="s">
        <v>191</v>
      </c>
      <c r="C102" s="12" t="s">
        <v>192</v>
      </c>
      <c r="D102" s="6"/>
    </row>
    <row r="103" spans="2:4">
      <c r="B103" s="17" t="s">
        <v>193</v>
      </c>
      <c r="C103" s="13" t="s">
        <v>194</v>
      </c>
      <c r="D103" s="6"/>
    </row>
    <row r="104" spans="2:4" ht="142.5">
      <c r="B104" s="17" t="s">
        <v>195</v>
      </c>
      <c r="C104" s="14" t="s">
        <v>196</v>
      </c>
      <c r="D104" s="6" t="s">
        <v>197</v>
      </c>
    </row>
    <row r="105" spans="2:4" ht="142.5">
      <c r="B105" s="17" t="s">
        <v>198</v>
      </c>
      <c r="C105" s="14" t="s">
        <v>199</v>
      </c>
      <c r="D105" s="6" t="s">
        <v>197</v>
      </c>
    </row>
    <row r="106" spans="2:4">
      <c r="B106" s="17" t="s">
        <v>200</v>
      </c>
      <c r="C106" s="13" t="s">
        <v>201</v>
      </c>
      <c r="D106" s="6"/>
    </row>
    <row r="107" spans="2:4" ht="28.5">
      <c r="B107" s="17" t="s">
        <v>202</v>
      </c>
      <c r="C107" s="14" t="s">
        <v>203</v>
      </c>
      <c r="D107" s="6" t="s">
        <v>204</v>
      </c>
    </row>
    <row r="108" spans="2:4" ht="28.5">
      <c r="B108" s="17" t="s">
        <v>205</v>
      </c>
      <c r="C108" s="14" t="s">
        <v>206</v>
      </c>
      <c r="D108" s="6" t="s">
        <v>207</v>
      </c>
    </row>
    <row r="109" spans="2:4" ht="57">
      <c r="B109" s="17" t="s">
        <v>208</v>
      </c>
      <c r="C109" s="14" t="s">
        <v>209</v>
      </c>
      <c r="D109" s="6" t="s">
        <v>210</v>
      </c>
    </row>
    <row r="110" spans="2:4">
      <c r="B110" s="17" t="s">
        <v>211</v>
      </c>
      <c r="C110" s="14" t="s">
        <v>212</v>
      </c>
      <c r="D110" s="6" t="s">
        <v>213</v>
      </c>
    </row>
    <row r="111" spans="2:4">
      <c r="B111" s="17" t="s">
        <v>214</v>
      </c>
      <c r="C111" s="14" t="s">
        <v>215</v>
      </c>
      <c r="D111" s="6" t="s">
        <v>216</v>
      </c>
    </row>
    <row r="112" spans="2:4" ht="42.75">
      <c r="B112" s="17" t="s">
        <v>217</v>
      </c>
      <c r="C112" s="14" t="s">
        <v>218</v>
      </c>
      <c r="D112" s="6" t="s">
        <v>219</v>
      </c>
    </row>
    <row r="113" spans="2:4" ht="28.5">
      <c r="B113" s="17" t="s">
        <v>220</v>
      </c>
      <c r="C113" s="14" t="s">
        <v>221</v>
      </c>
      <c r="D113" s="6" t="s">
        <v>222</v>
      </c>
    </row>
    <row r="114" spans="2:4" ht="57">
      <c r="B114" s="17" t="s">
        <v>223</v>
      </c>
      <c r="C114" s="14" t="s">
        <v>224</v>
      </c>
      <c r="D114" s="6" t="s">
        <v>225</v>
      </c>
    </row>
    <row r="115" spans="2:4">
      <c r="B115" s="17" t="s">
        <v>226</v>
      </c>
      <c r="C115" s="13" t="s">
        <v>227</v>
      </c>
      <c r="D115" s="6"/>
    </row>
    <row r="116" spans="2:4" ht="28.5">
      <c r="B116" s="17" t="s">
        <v>228</v>
      </c>
      <c r="C116" s="14" t="s">
        <v>203</v>
      </c>
      <c r="D116" s="6" t="s">
        <v>204</v>
      </c>
    </row>
    <row r="117" spans="2:4" ht="28.5">
      <c r="B117" s="17" t="s">
        <v>229</v>
      </c>
      <c r="C117" s="14" t="s">
        <v>206</v>
      </c>
      <c r="D117" s="6" t="s">
        <v>207</v>
      </c>
    </row>
    <row r="118" spans="2:4" ht="57">
      <c r="B118" s="17" t="s">
        <v>230</v>
      </c>
      <c r="C118" s="14" t="s">
        <v>209</v>
      </c>
      <c r="D118" s="6" t="s">
        <v>210</v>
      </c>
    </row>
    <row r="119" spans="2:4">
      <c r="B119" s="17" t="s">
        <v>231</v>
      </c>
      <c r="C119" s="14" t="s">
        <v>212</v>
      </c>
      <c r="D119" s="6" t="s">
        <v>213</v>
      </c>
    </row>
    <row r="120" spans="2:4">
      <c r="B120" s="17" t="s">
        <v>232</v>
      </c>
      <c r="C120" s="14" t="s">
        <v>215</v>
      </c>
      <c r="D120" s="6" t="s">
        <v>216</v>
      </c>
    </row>
    <row r="121" spans="2:4" ht="42.75">
      <c r="B121" s="17" t="s">
        <v>233</v>
      </c>
      <c r="C121" s="14" t="s">
        <v>218</v>
      </c>
      <c r="D121" s="6" t="s">
        <v>219</v>
      </c>
    </row>
    <row r="122" spans="2:4" ht="28.5">
      <c r="B122" s="17" t="s">
        <v>234</v>
      </c>
      <c r="C122" s="14" t="s">
        <v>221</v>
      </c>
      <c r="D122" s="6" t="s">
        <v>222</v>
      </c>
    </row>
    <row r="123" spans="2:4" ht="57">
      <c r="B123" s="17" t="s">
        <v>235</v>
      </c>
      <c r="C123" s="14" t="s">
        <v>236</v>
      </c>
      <c r="D123" s="6" t="s">
        <v>225</v>
      </c>
    </row>
    <row r="124" spans="2:4">
      <c r="B124" s="17" t="s">
        <v>237</v>
      </c>
      <c r="C124" s="13" t="s">
        <v>238</v>
      </c>
      <c r="D124" s="6"/>
    </row>
    <row r="125" spans="2:4" ht="85.5">
      <c r="B125" s="17" t="s">
        <v>239</v>
      </c>
      <c r="C125" s="14" t="s">
        <v>240</v>
      </c>
      <c r="D125" s="6" t="s">
        <v>241</v>
      </c>
    </row>
    <row r="126" spans="2:4" ht="185.25">
      <c r="B126" s="17" t="s">
        <v>242</v>
      </c>
      <c r="C126" s="14" t="s">
        <v>243</v>
      </c>
      <c r="D126" s="6" t="s">
        <v>244</v>
      </c>
    </row>
    <row r="127" spans="2:4">
      <c r="B127" s="17" t="s">
        <v>245</v>
      </c>
      <c r="C127" s="13" t="s">
        <v>246</v>
      </c>
      <c r="D127" s="6"/>
    </row>
    <row r="128" spans="2:4">
      <c r="B128" s="17" t="s">
        <v>247</v>
      </c>
      <c r="C128" s="14" t="s">
        <v>248</v>
      </c>
      <c r="D128" s="6"/>
    </row>
    <row r="129" spans="2:4">
      <c r="B129" s="17" t="s">
        <v>249</v>
      </c>
      <c r="C129" s="14" t="s">
        <v>250</v>
      </c>
      <c r="D129" s="6"/>
    </row>
    <row r="130" spans="2:4" ht="71.25">
      <c r="B130" s="17" t="s">
        <v>251</v>
      </c>
      <c r="C130" s="14" t="s">
        <v>252</v>
      </c>
      <c r="D130" s="6" t="s">
        <v>253</v>
      </c>
    </row>
    <row r="131" spans="2:4" ht="71.25">
      <c r="B131" s="17" t="s">
        <v>254</v>
      </c>
      <c r="C131" s="14" t="s">
        <v>255</v>
      </c>
      <c r="D131" s="6" t="s">
        <v>256</v>
      </c>
    </row>
    <row r="132" spans="2:4">
      <c r="B132" s="17" t="s">
        <v>257</v>
      </c>
      <c r="C132" s="13" t="s">
        <v>258</v>
      </c>
      <c r="D132" s="6"/>
    </row>
    <row r="133" spans="2:4" ht="85.5">
      <c r="B133" s="17" t="s">
        <v>259</v>
      </c>
      <c r="C133" s="14" t="s">
        <v>260</v>
      </c>
      <c r="D133" s="6" t="s">
        <v>261</v>
      </c>
    </row>
    <row r="134" spans="2:4" ht="85.5">
      <c r="B134" s="17" t="s">
        <v>262</v>
      </c>
      <c r="C134" s="14" t="s">
        <v>263</v>
      </c>
      <c r="D134" s="6" t="s">
        <v>261</v>
      </c>
    </row>
    <row r="135" spans="2:4" ht="42.75">
      <c r="B135" s="17" t="s">
        <v>264</v>
      </c>
      <c r="C135" s="14" t="s">
        <v>265</v>
      </c>
      <c r="D135" s="6" t="s">
        <v>266</v>
      </c>
    </row>
    <row r="136" spans="2:4">
      <c r="B136" s="17" t="s">
        <v>267</v>
      </c>
      <c r="C136" s="12" t="s">
        <v>268</v>
      </c>
      <c r="D136" s="6"/>
    </row>
    <row r="137" spans="2:4">
      <c r="B137" s="17" t="s">
        <v>269</v>
      </c>
      <c r="C137" s="13" t="s">
        <v>270</v>
      </c>
      <c r="D137" s="6"/>
    </row>
    <row r="138" spans="2:4">
      <c r="B138" s="17" t="s">
        <v>271</v>
      </c>
      <c r="C138" s="14" t="s">
        <v>270</v>
      </c>
      <c r="D138" s="6" t="s">
        <v>272</v>
      </c>
    </row>
    <row r="139" spans="2:4">
      <c r="B139" s="17" t="s">
        <v>273</v>
      </c>
      <c r="C139" s="13" t="s">
        <v>274</v>
      </c>
      <c r="D139" s="6"/>
    </row>
    <row r="140" spans="2:4">
      <c r="B140" s="17" t="s">
        <v>275</v>
      </c>
      <c r="C140" s="14" t="s">
        <v>276</v>
      </c>
      <c r="D140" s="6"/>
    </row>
    <row r="141" spans="2:4">
      <c r="B141" s="17" t="s">
        <v>277</v>
      </c>
      <c r="C141" s="14" t="s">
        <v>278</v>
      </c>
      <c r="D141" s="6"/>
    </row>
    <row r="142" spans="2:4">
      <c r="B142" s="17" t="s">
        <v>279</v>
      </c>
      <c r="C142" s="14" t="s">
        <v>280</v>
      </c>
      <c r="D142" s="6"/>
    </row>
    <row r="143" spans="2:4">
      <c r="B143" s="17" t="s">
        <v>281</v>
      </c>
      <c r="C143" s="13" t="s">
        <v>282</v>
      </c>
      <c r="D143" s="6"/>
    </row>
    <row r="144" spans="2:4" ht="42.75">
      <c r="B144" s="17" t="s">
        <v>283</v>
      </c>
      <c r="C144" s="14" t="s">
        <v>284</v>
      </c>
      <c r="D144" s="6" t="s">
        <v>285</v>
      </c>
    </row>
    <row r="145" spans="2:4">
      <c r="B145" s="17" t="s">
        <v>286</v>
      </c>
      <c r="C145" s="14" t="s">
        <v>287</v>
      </c>
      <c r="D145" s="6"/>
    </row>
    <row r="146" spans="2:4">
      <c r="B146" s="17" t="s">
        <v>288</v>
      </c>
      <c r="C146" s="13" t="s">
        <v>289</v>
      </c>
      <c r="D146" s="6"/>
    </row>
    <row r="147" spans="2:4" ht="28.5">
      <c r="B147" s="17" t="s">
        <v>290</v>
      </c>
      <c r="C147" s="14" t="s">
        <v>289</v>
      </c>
      <c r="D147" s="6" t="s">
        <v>291</v>
      </c>
    </row>
    <row r="148" spans="2:4">
      <c r="B148" s="17" t="s">
        <v>292</v>
      </c>
      <c r="C148" s="13" t="s">
        <v>293</v>
      </c>
      <c r="D148" s="6"/>
    </row>
    <row r="149" spans="2:4" ht="28.5">
      <c r="B149" s="17" t="s">
        <v>294</v>
      </c>
      <c r="C149" s="14" t="s">
        <v>295</v>
      </c>
      <c r="D149" s="6" t="s">
        <v>296</v>
      </c>
    </row>
    <row r="150" spans="2:4">
      <c r="B150" s="17" t="s">
        <v>297</v>
      </c>
      <c r="C150" s="14" t="s">
        <v>298</v>
      </c>
      <c r="D150" s="6"/>
    </row>
    <row r="151" spans="2:4">
      <c r="B151" s="17" t="s">
        <v>299</v>
      </c>
      <c r="C151" s="12" t="s">
        <v>300</v>
      </c>
      <c r="D151" s="6"/>
    </row>
    <row r="152" spans="2:4">
      <c r="B152" s="17" t="s">
        <v>301</v>
      </c>
      <c r="C152" s="13" t="s">
        <v>300</v>
      </c>
      <c r="D152" s="6"/>
    </row>
    <row r="153" spans="2:4">
      <c r="B153" s="17" t="s">
        <v>302</v>
      </c>
      <c r="C153" s="14" t="s">
        <v>303</v>
      </c>
      <c r="D153" s="6"/>
    </row>
    <row r="154" spans="2:4">
      <c r="B154" s="17" t="s">
        <v>304</v>
      </c>
      <c r="C154" s="14" t="s">
        <v>305</v>
      </c>
      <c r="D154" s="6"/>
    </row>
    <row r="155" spans="2:4">
      <c r="B155" s="17" t="s">
        <v>306</v>
      </c>
      <c r="C155" s="14" t="s">
        <v>307</v>
      </c>
      <c r="D155" s="6"/>
    </row>
    <row r="156" spans="2:4">
      <c r="B156" s="17" t="s">
        <v>308</v>
      </c>
      <c r="C156" s="14" t="s">
        <v>309</v>
      </c>
      <c r="D156" s="6"/>
    </row>
    <row r="157" spans="2:4">
      <c r="B157" s="17" t="s">
        <v>781</v>
      </c>
      <c r="C157" s="22" t="s">
        <v>782</v>
      </c>
      <c r="D157" s="6"/>
    </row>
    <row r="158" spans="2:4">
      <c r="B158" s="17" t="s">
        <v>310</v>
      </c>
      <c r="C158" s="12" t="s">
        <v>311</v>
      </c>
      <c r="D158" s="6"/>
    </row>
    <row r="159" spans="2:4">
      <c r="B159" s="17" t="s">
        <v>312</v>
      </c>
      <c r="C159" s="13" t="s">
        <v>313</v>
      </c>
      <c r="D159" s="6"/>
    </row>
    <row r="160" spans="2:4">
      <c r="B160" s="17" t="s">
        <v>314</v>
      </c>
      <c r="C160" s="14" t="s">
        <v>313</v>
      </c>
      <c r="D160" s="6" t="s">
        <v>315</v>
      </c>
    </row>
    <row r="161" spans="2:4">
      <c r="B161" s="17" t="s">
        <v>316</v>
      </c>
      <c r="C161" s="13" t="s">
        <v>317</v>
      </c>
      <c r="D161" s="6"/>
    </row>
    <row r="162" spans="2:4" ht="42.75">
      <c r="B162" s="17" t="s">
        <v>318</v>
      </c>
      <c r="C162" s="14" t="s">
        <v>317</v>
      </c>
      <c r="D162" s="6" t="s">
        <v>319</v>
      </c>
    </row>
    <row r="163" spans="2:4">
      <c r="B163" s="17" t="s">
        <v>320</v>
      </c>
      <c r="C163" s="13" t="s">
        <v>321</v>
      </c>
      <c r="D163" s="6"/>
    </row>
    <row r="164" spans="2:4" ht="42.75">
      <c r="B164" s="17" t="s">
        <v>322</v>
      </c>
      <c r="C164" s="14" t="s">
        <v>321</v>
      </c>
      <c r="D164" s="6" t="s">
        <v>323</v>
      </c>
    </row>
    <row r="165" spans="2:4">
      <c r="B165" s="17" t="s">
        <v>324</v>
      </c>
      <c r="C165" s="12" t="s">
        <v>325</v>
      </c>
      <c r="D165" s="6"/>
    </row>
    <row r="166" spans="2:4">
      <c r="B166" s="17" t="s">
        <v>326</v>
      </c>
      <c r="C166" s="13" t="s">
        <v>327</v>
      </c>
      <c r="D166" s="6"/>
    </row>
    <row r="167" spans="2:4">
      <c r="B167" s="17" t="s">
        <v>328</v>
      </c>
      <c r="C167" s="14" t="s">
        <v>329</v>
      </c>
      <c r="D167" s="6" t="s">
        <v>330</v>
      </c>
    </row>
    <row r="168" spans="2:4">
      <c r="B168" s="17" t="s">
        <v>331</v>
      </c>
      <c r="C168" s="13" t="s">
        <v>332</v>
      </c>
      <c r="D168" s="6"/>
    </row>
    <row r="169" spans="2:4" ht="28.5">
      <c r="B169" s="17" t="s">
        <v>333</v>
      </c>
      <c r="C169" s="14" t="s">
        <v>334</v>
      </c>
      <c r="D169" s="6" t="s">
        <v>335</v>
      </c>
    </row>
    <row r="170" spans="2:4">
      <c r="B170" s="17" t="s">
        <v>336</v>
      </c>
      <c r="C170" s="14" t="s">
        <v>337</v>
      </c>
      <c r="D170" s="6" t="s">
        <v>338</v>
      </c>
    </row>
    <row r="171" spans="2:4" ht="28.5">
      <c r="B171" s="17" t="s">
        <v>339</v>
      </c>
      <c r="C171" s="14" t="s">
        <v>340</v>
      </c>
      <c r="D171" s="6" t="s">
        <v>341</v>
      </c>
    </row>
    <row r="172" spans="2:4" ht="42.75">
      <c r="B172" s="17" t="s">
        <v>342</v>
      </c>
      <c r="C172" s="14" t="s">
        <v>343</v>
      </c>
      <c r="D172" s="6" t="s">
        <v>344</v>
      </c>
    </row>
    <row r="173" spans="2:4">
      <c r="B173" s="17" t="s">
        <v>345</v>
      </c>
      <c r="C173" s="13" t="s">
        <v>346</v>
      </c>
      <c r="D173" s="6"/>
    </row>
    <row r="174" spans="2:4">
      <c r="B174" s="17" t="s">
        <v>347</v>
      </c>
      <c r="C174" s="14" t="s">
        <v>346</v>
      </c>
      <c r="D174" s="6"/>
    </row>
    <row r="175" spans="2:4">
      <c r="B175" s="17" t="s">
        <v>348</v>
      </c>
      <c r="C175" s="13" t="s">
        <v>349</v>
      </c>
      <c r="D175" s="6"/>
    </row>
    <row r="176" spans="2:4">
      <c r="B176" s="17" t="s">
        <v>350</v>
      </c>
      <c r="C176" s="14" t="s">
        <v>351</v>
      </c>
      <c r="D176" s="6" t="s">
        <v>352</v>
      </c>
    </row>
    <row r="177" spans="2:4" ht="28.5">
      <c r="B177" s="17" t="s">
        <v>353</v>
      </c>
      <c r="C177" s="14" t="s">
        <v>354</v>
      </c>
      <c r="D177" s="6" t="s">
        <v>355</v>
      </c>
    </row>
    <row r="178" spans="2:4">
      <c r="B178" s="17" t="s">
        <v>356</v>
      </c>
      <c r="C178" s="14" t="s">
        <v>357</v>
      </c>
      <c r="D178" s="6"/>
    </row>
    <row r="179" spans="2:4">
      <c r="B179" s="17" t="s">
        <v>358</v>
      </c>
      <c r="C179" s="12" t="s">
        <v>359</v>
      </c>
      <c r="D179" s="6"/>
    </row>
    <row r="180" spans="2:4">
      <c r="B180" s="17" t="s">
        <v>360</v>
      </c>
      <c r="C180" s="13" t="s">
        <v>361</v>
      </c>
      <c r="D180" s="6"/>
    </row>
    <row r="181" spans="2:4">
      <c r="B181" s="17" t="s">
        <v>362</v>
      </c>
      <c r="C181" s="14" t="s">
        <v>363</v>
      </c>
      <c r="D181" s="6" t="s">
        <v>364</v>
      </c>
    </row>
    <row r="182" spans="2:4">
      <c r="B182" s="17" t="s">
        <v>365</v>
      </c>
      <c r="C182" s="13" t="s">
        <v>366</v>
      </c>
      <c r="D182" s="6"/>
    </row>
    <row r="183" spans="2:4" ht="28.5">
      <c r="B183" s="17" t="s">
        <v>367</v>
      </c>
      <c r="C183" s="14" t="s">
        <v>368</v>
      </c>
      <c r="D183" s="6" t="s">
        <v>369</v>
      </c>
    </row>
    <row r="184" spans="2:4">
      <c r="B184" s="17" t="s">
        <v>370</v>
      </c>
      <c r="C184" s="12" t="s">
        <v>371</v>
      </c>
      <c r="D184" s="6"/>
    </row>
    <row r="185" spans="2:4">
      <c r="B185" s="17" t="s">
        <v>372</v>
      </c>
      <c r="C185" s="13" t="s">
        <v>373</v>
      </c>
      <c r="D185" s="6"/>
    </row>
    <row r="186" spans="2:4" ht="71.25">
      <c r="B186" s="17" t="s">
        <v>374</v>
      </c>
      <c r="C186" s="14" t="s">
        <v>375</v>
      </c>
      <c r="D186" s="6" t="s">
        <v>87</v>
      </c>
    </row>
    <row r="187" spans="2:4">
      <c r="B187" s="17" t="s">
        <v>376</v>
      </c>
      <c r="C187" s="13" t="s">
        <v>377</v>
      </c>
      <c r="D187" s="6"/>
    </row>
    <row r="188" spans="2:4" ht="42.75">
      <c r="B188" s="17" t="s">
        <v>378</v>
      </c>
      <c r="C188" s="14" t="s">
        <v>379</v>
      </c>
      <c r="D188" s="6" t="s">
        <v>380</v>
      </c>
    </row>
    <row r="189" spans="2:4">
      <c r="B189" s="17" t="s">
        <v>381</v>
      </c>
      <c r="C189" s="13" t="s">
        <v>382</v>
      </c>
      <c r="D189" s="6"/>
    </row>
    <row r="190" spans="2:4" ht="57">
      <c r="B190" s="17" t="s">
        <v>383</v>
      </c>
      <c r="C190" s="14" t="s">
        <v>382</v>
      </c>
      <c r="D190" s="6" t="s">
        <v>384</v>
      </c>
    </row>
    <row r="191" spans="2:4">
      <c r="B191" s="17" t="s">
        <v>385</v>
      </c>
      <c r="C191" s="13" t="s">
        <v>386</v>
      </c>
      <c r="D191" s="6"/>
    </row>
    <row r="192" spans="2:4" ht="71.25">
      <c r="B192" s="17" t="s">
        <v>387</v>
      </c>
      <c r="C192" s="14" t="s">
        <v>388</v>
      </c>
      <c r="D192" s="6" t="s">
        <v>389</v>
      </c>
    </row>
    <row r="193" spans="2:4">
      <c r="B193" s="17" t="s">
        <v>390</v>
      </c>
      <c r="C193" s="13" t="s">
        <v>391</v>
      </c>
      <c r="D193" s="6"/>
    </row>
    <row r="194" spans="2:4" ht="28.5">
      <c r="B194" s="17" t="s">
        <v>392</v>
      </c>
      <c r="C194" s="14" t="s">
        <v>393</v>
      </c>
      <c r="D194" s="6" t="s">
        <v>394</v>
      </c>
    </row>
    <row r="195" spans="2:4">
      <c r="B195" s="17" t="s">
        <v>395</v>
      </c>
      <c r="C195" s="14" t="s">
        <v>396</v>
      </c>
      <c r="D195" s="6" t="s">
        <v>397</v>
      </c>
    </row>
    <row r="196" spans="2:4">
      <c r="B196" s="17" t="s">
        <v>398</v>
      </c>
      <c r="C196" s="12" t="s">
        <v>399</v>
      </c>
      <c r="D196" s="6"/>
    </row>
    <row r="197" spans="2:4">
      <c r="B197" s="17" t="s">
        <v>400</v>
      </c>
      <c r="C197" s="12" t="s">
        <v>401</v>
      </c>
      <c r="D197" s="6"/>
    </row>
    <row r="198" spans="2:4">
      <c r="B198" s="17" t="s">
        <v>402</v>
      </c>
      <c r="C198" s="13" t="s">
        <v>403</v>
      </c>
      <c r="D198" s="6"/>
    </row>
    <row r="199" spans="2:4">
      <c r="B199" s="17" t="s">
        <v>404</v>
      </c>
      <c r="C199" s="14" t="s">
        <v>405</v>
      </c>
      <c r="D199" s="6"/>
    </row>
    <row r="200" spans="2:4">
      <c r="B200" s="17" t="s">
        <v>406</v>
      </c>
      <c r="C200" s="14" t="s">
        <v>407</v>
      </c>
      <c r="D200" s="6"/>
    </row>
    <row r="201" spans="2:4">
      <c r="B201" s="17" t="s">
        <v>408</v>
      </c>
      <c r="C201" s="13" t="s">
        <v>409</v>
      </c>
      <c r="D201" s="6"/>
    </row>
    <row r="202" spans="2:4">
      <c r="B202" s="17" t="s">
        <v>410</v>
      </c>
      <c r="C202" s="14" t="s">
        <v>411</v>
      </c>
      <c r="D202" s="6"/>
    </row>
    <row r="203" spans="2:4">
      <c r="B203" s="17" t="s">
        <v>412</v>
      </c>
      <c r="C203" s="13" t="s">
        <v>413</v>
      </c>
      <c r="D203" s="6"/>
    </row>
    <row r="204" spans="2:4">
      <c r="B204" s="17" t="s">
        <v>414</v>
      </c>
      <c r="C204" s="14" t="s">
        <v>413</v>
      </c>
      <c r="D204" s="6" t="s">
        <v>415</v>
      </c>
    </row>
    <row r="205" spans="2:4">
      <c r="B205" s="17" t="s">
        <v>416</v>
      </c>
      <c r="C205" s="13" t="s">
        <v>417</v>
      </c>
      <c r="D205" s="6"/>
    </row>
    <row r="206" spans="2:4">
      <c r="B206" s="17" t="s">
        <v>418</v>
      </c>
      <c r="C206" s="14" t="s">
        <v>419</v>
      </c>
      <c r="D206" s="6"/>
    </row>
    <row r="207" spans="2:4">
      <c r="B207" s="17" t="s">
        <v>420</v>
      </c>
      <c r="C207" s="14" t="s">
        <v>421</v>
      </c>
      <c r="D207" s="6"/>
    </row>
    <row r="208" spans="2:4">
      <c r="B208" s="17" t="s">
        <v>422</v>
      </c>
      <c r="C208" s="14" t="s">
        <v>423</v>
      </c>
      <c r="D208" s="6"/>
    </row>
    <row r="209" spans="2:4">
      <c r="B209" s="17" t="s">
        <v>424</v>
      </c>
      <c r="C209" s="13" t="s">
        <v>425</v>
      </c>
      <c r="D209" s="6"/>
    </row>
    <row r="210" spans="2:4">
      <c r="B210" s="17" t="s">
        <v>426</v>
      </c>
      <c r="C210" s="14" t="s">
        <v>427</v>
      </c>
      <c r="D210" s="6" t="s">
        <v>428</v>
      </c>
    </row>
    <row r="211" spans="2:4">
      <c r="B211" s="17" t="s">
        <v>429</v>
      </c>
      <c r="C211" s="14" t="s">
        <v>430</v>
      </c>
      <c r="D211" s="6"/>
    </row>
    <row r="212" spans="2:4">
      <c r="B212" s="17" t="s">
        <v>431</v>
      </c>
      <c r="C212" s="14" t="s">
        <v>432</v>
      </c>
      <c r="D212" s="6"/>
    </row>
    <row r="213" spans="2:4">
      <c r="B213" s="17" t="s">
        <v>433</v>
      </c>
      <c r="C213" s="14" t="s">
        <v>434</v>
      </c>
      <c r="D213" s="6"/>
    </row>
    <row r="214" spans="2:4">
      <c r="B214" s="17" t="s">
        <v>435</v>
      </c>
      <c r="C214" s="14" t="s">
        <v>436</v>
      </c>
      <c r="D214" s="6"/>
    </row>
    <row r="215" spans="2:4">
      <c r="B215" s="17" t="s">
        <v>769</v>
      </c>
      <c r="C215" s="12" t="s">
        <v>770</v>
      </c>
      <c r="D215" s="6"/>
    </row>
    <row r="216" spans="2:4">
      <c r="B216" s="17" t="s">
        <v>771</v>
      </c>
      <c r="C216" s="14" t="s">
        <v>772</v>
      </c>
      <c r="D216" s="6"/>
    </row>
    <row r="217" spans="2:4">
      <c r="B217" s="17" t="s">
        <v>773</v>
      </c>
      <c r="C217" s="14" t="s">
        <v>774</v>
      </c>
      <c r="D217" s="6" t="s">
        <v>775</v>
      </c>
    </row>
    <row r="218" spans="2:4">
      <c r="B218" s="17" t="s">
        <v>787</v>
      </c>
      <c r="C218" s="14" t="s">
        <v>776</v>
      </c>
      <c r="D218" s="6" t="s">
        <v>777</v>
      </c>
    </row>
    <row r="219" spans="2:4">
      <c r="B219" s="17" t="s">
        <v>778</v>
      </c>
      <c r="C219" s="14" t="s">
        <v>779</v>
      </c>
      <c r="D219" s="6" t="s">
        <v>780</v>
      </c>
    </row>
    <row r="220" spans="2:4">
      <c r="B220" s="17" t="s">
        <v>437</v>
      </c>
      <c r="C220" s="11" t="s">
        <v>438</v>
      </c>
      <c r="D220" s="6"/>
    </row>
    <row r="221" spans="2:4">
      <c r="B221" s="17" t="s">
        <v>439</v>
      </c>
      <c r="C221" s="12" t="s">
        <v>440</v>
      </c>
      <c r="D221" s="6"/>
    </row>
    <row r="222" spans="2:4">
      <c r="B222" s="17" t="s">
        <v>441</v>
      </c>
      <c r="C222" s="13" t="s">
        <v>442</v>
      </c>
      <c r="D222" s="6"/>
    </row>
    <row r="223" spans="2:4">
      <c r="B223" s="17" t="s">
        <v>443</v>
      </c>
      <c r="C223" s="14" t="s">
        <v>442</v>
      </c>
      <c r="D223" s="6" t="s">
        <v>444</v>
      </c>
    </row>
    <row r="224" spans="2:4">
      <c r="B224" s="17" t="s">
        <v>445</v>
      </c>
      <c r="C224" s="13" t="s">
        <v>446</v>
      </c>
      <c r="D224" s="6"/>
    </row>
    <row r="225" spans="2:4">
      <c r="B225" s="17" t="s">
        <v>447</v>
      </c>
      <c r="C225" s="14" t="s">
        <v>446</v>
      </c>
      <c r="D225" s="6" t="s">
        <v>448</v>
      </c>
    </row>
    <row r="226" spans="2:4">
      <c r="B226" s="17" t="s">
        <v>449</v>
      </c>
      <c r="C226" s="13" t="s">
        <v>450</v>
      </c>
      <c r="D226" s="6"/>
    </row>
    <row r="227" spans="2:4">
      <c r="B227" s="17" t="s">
        <v>451</v>
      </c>
      <c r="C227" s="14" t="s">
        <v>450</v>
      </c>
      <c r="D227" s="6"/>
    </row>
    <row r="228" spans="2:4">
      <c r="B228" s="17" t="s">
        <v>452</v>
      </c>
      <c r="C228" s="13" t="s">
        <v>453</v>
      </c>
      <c r="D228" s="6"/>
    </row>
    <row r="229" spans="2:4">
      <c r="B229" s="17" t="s">
        <v>454</v>
      </c>
      <c r="C229" s="14" t="s">
        <v>455</v>
      </c>
      <c r="D229" s="6"/>
    </row>
    <row r="230" spans="2:4">
      <c r="B230" s="17" t="s">
        <v>456</v>
      </c>
      <c r="C230" s="13" t="s">
        <v>457</v>
      </c>
      <c r="D230" s="6"/>
    </row>
    <row r="231" spans="2:4">
      <c r="B231" s="17" t="s">
        <v>458</v>
      </c>
      <c r="C231" s="14" t="s">
        <v>459</v>
      </c>
      <c r="D231" s="6"/>
    </row>
    <row r="232" spans="2:4">
      <c r="B232" s="17" t="s">
        <v>788</v>
      </c>
      <c r="C232" s="23" t="s">
        <v>789</v>
      </c>
      <c r="D232" s="24" t="s">
        <v>790</v>
      </c>
    </row>
    <row r="233" spans="2:4">
      <c r="B233" s="17" t="s">
        <v>460</v>
      </c>
      <c r="C233" s="13" t="s">
        <v>461</v>
      </c>
      <c r="D233" s="6"/>
    </row>
    <row r="234" spans="2:4">
      <c r="B234" s="17" t="s">
        <v>462</v>
      </c>
      <c r="C234" s="14" t="s">
        <v>463</v>
      </c>
      <c r="D234" s="6"/>
    </row>
    <row r="235" spans="2:4">
      <c r="B235" s="17" t="s">
        <v>464</v>
      </c>
      <c r="C235" s="13" t="s">
        <v>465</v>
      </c>
      <c r="D235" s="6"/>
    </row>
    <row r="236" spans="2:4">
      <c r="B236" s="17" t="s">
        <v>466</v>
      </c>
      <c r="C236" s="14" t="s">
        <v>467</v>
      </c>
      <c r="D236" s="6"/>
    </row>
    <row r="237" spans="2:4">
      <c r="B237" s="17" t="s">
        <v>468</v>
      </c>
      <c r="C237" s="13" t="s">
        <v>469</v>
      </c>
      <c r="D237" s="6"/>
    </row>
    <row r="238" spans="2:4">
      <c r="B238" s="17" t="s">
        <v>470</v>
      </c>
      <c r="C238" s="14" t="s">
        <v>471</v>
      </c>
      <c r="D238" s="6"/>
    </row>
    <row r="239" spans="2:4">
      <c r="B239" s="17" t="s">
        <v>784</v>
      </c>
      <c r="C239" s="19" t="s">
        <v>783</v>
      </c>
      <c r="D239" s="6"/>
    </row>
    <row r="240" spans="2:4">
      <c r="B240" s="17" t="s">
        <v>785</v>
      </c>
      <c r="C240" s="20" t="s">
        <v>783</v>
      </c>
      <c r="D240" s="21" t="s">
        <v>786</v>
      </c>
    </row>
    <row r="241" spans="2:4">
      <c r="B241" s="17" t="s">
        <v>472</v>
      </c>
      <c r="C241" s="12" t="s">
        <v>473</v>
      </c>
      <c r="D241" s="6"/>
    </row>
    <row r="242" spans="2:4">
      <c r="B242" s="17" t="s">
        <v>474</v>
      </c>
      <c r="C242" s="12" t="s">
        <v>475</v>
      </c>
      <c r="D242" s="6"/>
    </row>
    <row r="243" spans="2:4">
      <c r="B243" s="17" t="s">
        <v>476</v>
      </c>
      <c r="C243" s="13" t="s">
        <v>477</v>
      </c>
      <c r="D243" s="6"/>
    </row>
    <row r="244" spans="2:4" ht="57">
      <c r="B244" s="17" t="s">
        <v>478</v>
      </c>
      <c r="C244" s="14" t="s">
        <v>479</v>
      </c>
      <c r="D244" s="6" t="s">
        <v>480</v>
      </c>
    </row>
    <row r="245" spans="2:4">
      <c r="B245" s="17" t="s">
        <v>481</v>
      </c>
      <c r="C245" s="14" t="s">
        <v>482</v>
      </c>
      <c r="D245" s="6"/>
    </row>
    <row r="246" spans="2:4">
      <c r="B246" s="17" t="s">
        <v>483</v>
      </c>
      <c r="C246" s="13" t="s">
        <v>484</v>
      </c>
      <c r="D246" s="6"/>
    </row>
    <row r="247" spans="2:4">
      <c r="B247" s="17" t="s">
        <v>485</v>
      </c>
      <c r="C247" s="14" t="s">
        <v>486</v>
      </c>
      <c r="D247" s="6"/>
    </row>
    <row r="248" spans="2:4">
      <c r="B248" s="17" t="s">
        <v>487</v>
      </c>
      <c r="C248" s="13" t="s">
        <v>488</v>
      </c>
      <c r="D248" s="6"/>
    </row>
    <row r="249" spans="2:4" ht="57">
      <c r="B249" s="17" t="s">
        <v>489</v>
      </c>
      <c r="C249" s="14" t="s">
        <v>488</v>
      </c>
      <c r="D249" s="6" t="s">
        <v>490</v>
      </c>
    </row>
    <row r="250" spans="2:4">
      <c r="B250" s="17" t="s">
        <v>491</v>
      </c>
      <c r="C250" s="12" t="s">
        <v>492</v>
      </c>
      <c r="D250" s="6"/>
    </row>
    <row r="251" spans="2:4">
      <c r="B251" s="17" t="s">
        <v>493</v>
      </c>
      <c r="C251" s="13" t="s">
        <v>494</v>
      </c>
      <c r="D251" s="6"/>
    </row>
    <row r="252" spans="2:4" ht="28.5">
      <c r="B252" s="17" t="s">
        <v>495</v>
      </c>
      <c r="C252" s="14" t="s">
        <v>496</v>
      </c>
      <c r="D252" s="6" t="s">
        <v>497</v>
      </c>
    </row>
    <row r="253" spans="2:4">
      <c r="B253" s="17" t="s">
        <v>498</v>
      </c>
      <c r="C253" s="14" t="s">
        <v>499</v>
      </c>
      <c r="D253" s="6" t="s">
        <v>500</v>
      </c>
    </row>
    <row r="254" spans="2:4">
      <c r="B254" s="17" t="s">
        <v>501</v>
      </c>
      <c r="C254" s="14" t="s">
        <v>502</v>
      </c>
      <c r="D254" s="6"/>
    </row>
    <row r="255" spans="2:4">
      <c r="B255" s="17" t="s">
        <v>503</v>
      </c>
      <c r="C255" s="13" t="s">
        <v>504</v>
      </c>
      <c r="D255" s="6"/>
    </row>
    <row r="256" spans="2:4" ht="28.5">
      <c r="B256" s="17" t="s">
        <v>505</v>
      </c>
      <c r="C256" s="14" t="s">
        <v>504</v>
      </c>
      <c r="D256" s="6" t="s">
        <v>506</v>
      </c>
    </row>
    <row r="257" spans="2:4">
      <c r="B257" s="17" t="s">
        <v>507</v>
      </c>
      <c r="C257" s="13" t="s">
        <v>508</v>
      </c>
      <c r="D257" s="6"/>
    </row>
    <row r="258" spans="2:4">
      <c r="B258" s="17" t="s">
        <v>509</v>
      </c>
      <c r="C258" s="14" t="s">
        <v>508</v>
      </c>
      <c r="D258" s="6"/>
    </row>
    <row r="259" spans="2:4">
      <c r="B259" s="17" t="s">
        <v>510</v>
      </c>
      <c r="C259" s="13" t="s">
        <v>511</v>
      </c>
      <c r="D259" s="6"/>
    </row>
    <row r="260" spans="2:4">
      <c r="B260" s="17" t="s">
        <v>512</v>
      </c>
      <c r="C260" s="14" t="s">
        <v>511</v>
      </c>
      <c r="D260" s="6"/>
    </row>
    <row r="261" spans="2:4">
      <c r="B261" s="17" t="s">
        <v>513</v>
      </c>
      <c r="C261" s="13" t="s">
        <v>514</v>
      </c>
      <c r="D261" s="6"/>
    </row>
    <row r="262" spans="2:4">
      <c r="B262" s="17" t="s">
        <v>515</v>
      </c>
      <c r="C262" s="14" t="s">
        <v>516</v>
      </c>
      <c r="D262" s="6"/>
    </row>
    <row r="263" spans="2:4">
      <c r="B263" s="17" t="s">
        <v>517</v>
      </c>
      <c r="C263" s="14" t="s">
        <v>518</v>
      </c>
      <c r="D263" s="6"/>
    </row>
    <row r="264" spans="2:4">
      <c r="B264" s="17" t="s">
        <v>519</v>
      </c>
      <c r="C264" s="14" t="s">
        <v>520</v>
      </c>
      <c r="D264" s="6"/>
    </row>
    <row r="265" spans="2:4">
      <c r="B265" s="17" t="s">
        <v>521</v>
      </c>
      <c r="C265" s="13" t="s">
        <v>522</v>
      </c>
      <c r="D265" s="6"/>
    </row>
    <row r="266" spans="2:4">
      <c r="B266" s="17" t="s">
        <v>523</v>
      </c>
      <c r="C266" s="14" t="s">
        <v>524</v>
      </c>
      <c r="D266" s="6"/>
    </row>
    <row r="267" spans="2:4">
      <c r="B267" s="17" t="s">
        <v>525</v>
      </c>
      <c r="C267" s="13" t="s">
        <v>526</v>
      </c>
      <c r="D267" s="6"/>
    </row>
    <row r="268" spans="2:4">
      <c r="B268" s="17" t="s">
        <v>527</v>
      </c>
      <c r="C268" s="14" t="s">
        <v>528</v>
      </c>
      <c r="D268" s="6" t="s">
        <v>529</v>
      </c>
    </row>
    <row r="269" spans="2:4">
      <c r="B269" s="17" t="s">
        <v>530</v>
      </c>
      <c r="C269" s="13" t="s">
        <v>531</v>
      </c>
      <c r="D269" s="6"/>
    </row>
    <row r="270" spans="2:4">
      <c r="B270" s="17" t="s">
        <v>532</v>
      </c>
      <c r="C270" s="14" t="s">
        <v>533</v>
      </c>
      <c r="D270" s="6"/>
    </row>
    <row r="271" spans="2:4">
      <c r="B271" s="17" t="s">
        <v>534</v>
      </c>
      <c r="C271" s="14" t="s">
        <v>535</v>
      </c>
      <c r="D271" s="6"/>
    </row>
    <row r="272" spans="2:4">
      <c r="B272" s="17" t="s">
        <v>536</v>
      </c>
      <c r="C272" s="14" t="s">
        <v>537</v>
      </c>
      <c r="D272" s="6"/>
    </row>
    <row r="273" spans="2:4">
      <c r="B273" s="17" t="s">
        <v>538</v>
      </c>
      <c r="C273" s="14" t="s">
        <v>539</v>
      </c>
      <c r="D273" s="6" t="s">
        <v>540</v>
      </c>
    </row>
    <row r="274" spans="2:4">
      <c r="B274" s="17" t="s">
        <v>541</v>
      </c>
      <c r="C274" s="14" t="s">
        <v>542</v>
      </c>
      <c r="D274" s="6"/>
    </row>
    <row r="275" spans="2:4">
      <c r="B275" s="17" t="s">
        <v>543</v>
      </c>
      <c r="C275" s="12" t="s">
        <v>544</v>
      </c>
      <c r="D275" s="6"/>
    </row>
    <row r="276" spans="2:4">
      <c r="B276" s="17" t="s">
        <v>545</v>
      </c>
      <c r="C276" s="13" t="s">
        <v>546</v>
      </c>
      <c r="D276" s="6"/>
    </row>
    <row r="277" spans="2:4">
      <c r="B277" s="17" t="s">
        <v>547</v>
      </c>
      <c r="C277" s="14" t="s">
        <v>548</v>
      </c>
      <c r="D277" s="6"/>
    </row>
    <row r="278" spans="2:4">
      <c r="B278" s="17" t="s">
        <v>549</v>
      </c>
      <c r="C278" s="13" t="s">
        <v>550</v>
      </c>
      <c r="D278" s="6"/>
    </row>
    <row r="279" spans="2:4" ht="85.5">
      <c r="B279" s="17" t="s">
        <v>551</v>
      </c>
      <c r="C279" s="14" t="s">
        <v>550</v>
      </c>
      <c r="D279" s="6" t="s">
        <v>552</v>
      </c>
    </row>
    <row r="280" spans="2:4">
      <c r="B280" s="17" t="s">
        <v>553</v>
      </c>
      <c r="C280" s="13" t="s">
        <v>554</v>
      </c>
      <c r="D280" s="6"/>
    </row>
    <row r="281" spans="2:4">
      <c r="B281" s="17" t="s">
        <v>555</v>
      </c>
      <c r="C281" s="14" t="s">
        <v>556</v>
      </c>
      <c r="D281" s="6" t="s">
        <v>557</v>
      </c>
    </row>
    <row r="282" spans="2:4">
      <c r="B282" s="17" t="s">
        <v>558</v>
      </c>
      <c r="C282" s="14" t="s">
        <v>559</v>
      </c>
      <c r="D282" s="6" t="s">
        <v>560</v>
      </c>
    </row>
    <row r="283" spans="2:4">
      <c r="B283" s="17" t="s">
        <v>561</v>
      </c>
      <c r="C283" s="13" t="s">
        <v>562</v>
      </c>
      <c r="D283" s="6"/>
    </row>
    <row r="284" spans="2:4" ht="28.5">
      <c r="B284" s="17" t="s">
        <v>563</v>
      </c>
      <c r="C284" s="14" t="s">
        <v>564</v>
      </c>
      <c r="D284" s="6" t="s">
        <v>565</v>
      </c>
    </row>
    <row r="285" spans="2:4">
      <c r="B285" s="17" t="s">
        <v>566</v>
      </c>
      <c r="C285" s="14" t="s">
        <v>567</v>
      </c>
      <c r="D285" s="6"/>
    </row>
    <row r="286" spans="2:4">
      <c r="B286" s="17" t="s">
        <v>568</v>
      </c>
      <c r="C286" s="13" t="s">
        <v>569</v>
      </c>
      <c r="D286" s="6"/>
    </row>
    <row r="287" spans="2:4" ht="28.5">
      <c r="B287" s="17" t="s">
        <v>570</v>
      </c>
      <c r="C287" s="14" t="s">
        <v>569</v>
      </c>
      <c r="D287" s="6" t="s">
        <v>571</v>
      </c>
    </row>
    <row r="288" spans="2:4">
      <c r="B288" s="17" t="s">
        <v>572</v>
      </c>
      <c r="C288" s="13" t="s">
        <v>573</v>
      </c>
      <c r="D288" s="6"/>
    </row>
    <row r="289" spans="2:4">
      <c r="B289" s="17" t="s">
        <v>574</v>
      </c>
      <c r="C289" s="14" t="s">
        <v>573</v>
      </c>
      <c r="D289" s="6"/>
    </row>
    <row r="290" spans="2:4">
      <c r="B290" s="17" t="s">
        <v>575</v>
      </c>
      <c r="C290" s="13" t="s">
        <v>576</v>
      </c>
      <c r="D290" s="6"/>
    </row>
    <row r="291" spans="2:4">
      <c r="B291" s="17" t="s">
        <v>577</v>
      </c>
      <c r="C291" s="14" t="s">
        <v>576</v>
      </c>
      <c r="D291" s="6"/>
    </row>
    <row r="292" spans="2:4">
      <c r="B292" s="17" t="s">
        <v>578</v>
      </c>
      <c r="C292" s="13" t="s">
        <v>579</v>
      </c>
      <c r="D292" s="6"/>
    </row>
    <row r="293" spans="2:4">
      <c r="B293" s="17" t="s">
        <v>580</v>
      </c>
      <c r="C293" s="14" t="s">
        <v>579</v>
      </c>
      <c r="D293" s="6"/>
    </row>
    <row r="294" spans="2:4">
      <c r="B294" s="17" t="s">
        <v>581</v>
      </c>
      <c r="C294" s="13" t="s">
        <v>582</v>
      </c>
      <c r="D294" s="6"/>
    </row>
    <row r="295" spans="2:4">
      <c r="B295" s="17" t="s">
        <v>583</v>
      </c>
      <c r="C295" s="14" t="s">
        <v>582</v>
      </c>
      <c r="D295" s="6"/>
    </row>
    <row r="296" spans="2:4">
      <c r="B296" s="17" t="s">
        <v>584</v>
      </c>
      <c r="C296" s="13" t="s">
        <v>585</v>
      </c>
      <c r="D296" s="6"/>
    </row>
    <row r="297" spans="2:4">
      <c r="B297" s="17" t="s">
        <v>586</v>
      </c>
      <c r="C297" s="14" t="s">
        <v>585</v>
      </c>
      <c r="D297" s="6"/>
    </row>
    <row r="298" spans="2:4">
      <c r="B298" s="17" t="s">
        <v>587</v>
      </c>
      <c r="C298" s="14" t="s">
        <v>588</v>
      </c>
      <c r="D298" s="6"/>
    </row>
    <row r="299" spans="2:4">
      <c r="B299" s="17" t="s">
        <v>589</v>
      </c>
      <c r="C299" s="13" t="s">
        <v>590</v>
      </c>
      <c r="D299" s="6"/>
    </row>
    <row r="300" spans="2:4">
      <c r="B300" s="17" t="s">
        <v>591</v>
      </c>
      <c r="C300" s="14" t="s">
        <v>590</v>
      </c>
      <c r="D300" s="6"/>
    </row>
    <row r="301" spans="2:4">
      <c r="B301" s="17" t="s">
        <v>592</v>
      </c>
      <c r="C301" s="13" t="s">
        <v>593</v>
      </c>
      <c r="D301" s="6"/>
    </row>
    <row r="302" spans="2:4" ht="28.5">
      <c r="B302" s="17" t="s">
        <v>594</v>
      </c>
      <c r="C302" s="14" t="s">
        <v>595</v>
      </c>
      <c r="D302" s="6" t="s">
        <v>596</v>
      </c>
    </row>
    <row r="303" spans="2:4">
      <c r="B303" s="17" t="s">
        <v>597</v>
      </c>
      <c r="C303" s="13" t="s">
        <v>598</v>
      </c>
      <c r="D303" s="6"/>
    </row>
    <row r="304" spans="2:4">
      <c r="B304" s="17" t="s">
        <v>599</v>
      </c>
      <c r="C304" s="14" t="s">
        <v>600</v>
      </c>
      <c r="D304" s="6"/>
    </row>
    <row r="305" spans="2:4">
      <c r="B305" s="17" t="s">
        <v>601</v>
      </c>
      <c r="C305" s="13" t="s">
        <v>602</v>
      </c>
      <c r="D305" s="6"/>
    </row>
    <row r="306" spans="2:4">
      <c r="B306" s="17" t="s">
        <v>603</v>
      </c>
      <c r="C306" s="14" t="s">
        <v>602</v>
      </c>
      <c r="D306" s="6"/>
    </row>
    <row r="307" spans="2:4">
      <c r="B307" s="17" t="s">
        <v>604</v>
      </c>
      <c r="C307" s="12" t="s">
        <v>605</v>
      </c>
      <c r="D307" s="6"/>
    </row>
    <row r="308" spans="2:4">
      <c r="B308" s="17" t="s">
        <v>606</v>
      </c>
      <c r="C308" s="13" t="s">
        <v>607</v>
      </c>
      <c r="D308" s="6"/>
    </row>
    <row r="309" spans="2:4">
      <c r="B309" s="17" t="s">
        <v>608</v>
      </c>
      <c r="C309" s="14" t="s">
        <v>609</v>
      </c>
      <c r="D309" s="6"/>
    </row>
    <row r="310" spans="2:4">
      <c r="B310" s="17" t="s">
        <v>610</v>
      </c>
      <c r="C310" s="13" t="s">
        <v>611</v>
      </c>
      <c r="D310" s="6"/>
    </row>
    <row r="311" spans="2:4">
      <c r="B311" s="17" t="s">
        <v>612</v>
      </c>
      <c r="C311" s="14" t="s">
        <v>611</v>
      </c>
      <c r="D311" s="6"/>
    </row>
    <row r="312" spans="2:4">
      <c r="B312" s="17" t="s">
        <v>613</v>
      </c>
      <c r="C312" s="13" t="s">
        <v>614</v>
      </c>
      <c r="D312" s="6"/>
    </row>
    <row r="313" spans="2:4">
      <c r="B313" s="17" t="s">
        <v>615</v>
      </c>
      <c r="C313" s="14" t="s">
        <v>614</v>
      </c>
      <c r="D313" s="6"/>
    </row>
    <row r="314" spans="2:4">
      <c r="B314" s="17" t="s">
        <v>616</v>
      </c>
      <c r="C314" s="13" t="s">
        <v>617</v>
      </c>
      <c r="D314" s="6"/>
    </row>
    <row r="315" spans="2:4">
      <c r="B315" s="17" t="s">
        <v>618</v>
      </c>
      <c r="C315" s="14" t="s">
        <v>617</v>
      </c>
      <c r="D315" s="6"/>
    </row>
    <row r="316" spans="2:4">
      <c r="B316" s="17" t="s">
        <v>619</v>
      </c>
      <c r="C316" s="13" t="s">
        <v>620</v>
      </c>
      <c r="D316" s="6"/>
    </row>
    <row r="317" spans="2:4">
      <c r="B317" s="17" t="s">
        <v>621</v>
      </c>
      <c r="C317" s="14" t="s">
        <v>622</v>
      </c>
      <c r="D317" s="6"/>
    </row>
    <row r="318" spans="2:4">
      <c r="B318" s="17" t="s">
        <v>623</v>
      </c>
      <c r="C318" s="14" t="s">
        <v>624</v>
      </c>
      <c r="D318" s="6"/>
    </row>
    <row r="319" spans="2:4">
      <c r="B319" s="17" t="s">
        <v>625</v>
      </c>
      <c r="C319" s="14" t="s">
        <v>626</v>
      </c>
      <c r="D319" s="6"/>
    </row>
    <row r="320" spans="2:4" ht="42.75">
      <c r="B320" s="17" t="s">
        <v>627</v>
      </c>
      <c r="C320" s="14" t="s">
        <v>628</v>
      </c>
      <c r="D320" s="6" t="s">
        <v>629</v>
      </c>
    </row>
    <row r="321" spans="2:4">
      <c r="B321" s="17" t="s">
        <v>630</v>
      </c>
      <c r="C321" s="13" t="s">
        <v>631</v>
      </c>
      <c r="D321" s="6"/>
    </row>
    <row r="322" spans="2:4">
      <c r="B322" s="17" t="s">
        <v>632</v>
      </c>
      <c r="C322" s="14" t="s">
        <v>633</v>
      </c>
      <c r="D322" s="6" t="s">
        <v>634</v>
      </c>
    </row>
    <row r="323" spans="2:4">
      <c r="B323" s="17" t="s">
        <v>635</v>
      </c>
      <c r="C323" s="13" t="s">
        <v>636</v>
      </c>
      <c r="D323" s="6"/>
    </row>
    <row r="324" spans="2:4" ht="42.75">
      <c r="B324" s="17" t="s">
        <v>637</v>
      </c>
      <c r="C324" s="14" t="s">
        <v>636</v>
      </c>
      <c r="D324" s="6" t="s">
        <v>638</v>
      </c>
    </row>
    <row r="325" spans="2:4">
      <c r="B325" s="17" t="s">
        <v>639</v>
      </c>
      <c r="C325" s="14" t="s">
        <v>640</v>
      </c>
      <c r="D325" s="6"/>
    </row>
    <row r="326" spans="2:4">
      <c r="B326" s="17" t="s">
        <v>641</v>
      </c>
      <c r="C326" s="13" t="s">
        <v>642</v>
      </c>
      <c r="D326" s="6"/>
    </row>
    <row r="327" spans="2:4">
      <c r="B327" s="17" t="s">
        <v>643</v>
      </c>
      <c r="C327" s="14" t="s">
        <v>642</v>
      </c>
      <c r="D327" s="6"/>
    </row>
    <row r="328" spans="2:4">
      <c r="B328" s="17" t="s">
        <v>644</v>
      </c>
      <c r="C328" s="13" t="s">
        <v>645</v>
      </c>
      <c r="D328" s="6"/>
    </row>
    <row r="329" spans="2:4">
      <c r="B329" s="17" t="s">
        <v>646</v>
      </c>
      <c r="C329" s="14" t="s">
        <v>647</v>
      </c>
      <c r="D329" s="6"/>
    </row>
    <row r="330" spans="2:4">
      <c r="B330" s="17" t="s">
        <v>648</v>
      </c>
      <c r="C330" s="14" t="s">
        <v>649</v>
      </c>
      <c r="D330" s="6"/>
    </row>
    <row r="331" spans="2:4">
      <c r="B331" s="17" t="s">
        <v>650</v>
      </c>
      <c r="C331" s="13" t="s">
        <v>651</v>
      </c>
      <c r="D331" s="6"/>
    </row>
    <row r="332" spans="2:4">
      <c r="B332" s="17" t="s">
        <v>652</v>
      </c>
      <c r="C332" s="14" t="s">
        <v>651</v>
      </c>
      <c r="D332" s="6"/>
    </row>
    <row r="333" spans="2:4">
      <c r="B333" s="17" t="s">
        <v>653</v>
      </c>
      <c r="C333" s="13" t="s">
        <v>654</v>
      </c>
      <c r="D333" s="6"/>
    </row>
    <row r="334" spans="2:4">
      <c r="B334" s="17" t="s">
        <v>655</v>
      </c>
      <c r="C334" s="14" t="s">
        <v>654</v>
      </c>
      <c r="D334" s="6"/>
    </row>
    <row r="335" spans="2:4">
      <c r="B335" s="17" t="s">
        <v>656</v>
      </c>
      <c r="C335" s="13" t="s">
        <v>657</v>
      </c>
      <c r="D335" s="6"/>
    </row>
    <row r="336" spans="2:4">
      <c r="B336" s="17" t="s">
        <v>658</v>
      </c>
      <c r="C336" s="14" t="s">
        <v>657</v>
      </c>
      <c r="D336" s="6"/>
    </row>
    <row r="337" spans="2:4">
      <c r="B337" s="17" t="s">
        <v>659</v>
      </c>
      <c r="C337" s="13" t="s">
        <v>660</v>
      </c>
      <c r="D337" s="6"/>
    </row>
    <row r="338" spans="2:4">
      <c r="B338" s="17" t="s">
        <v>661</v>
      </c>
      <c r="C338" s="14" t="s">
        <v>660</v>
      </c>
      <c r="D338" s="6"/>
    </row>
    <row r="339" spans="2:4">
      <c r="B339" s="17" t="s">
        <v>662</v>
      </c>
      <c r="C339" s="11" t="s">
        <v>663</v>
      </c>
      <c r="D339" s="6"/>
    </row>
    <row r="340" spans="2:4">
      <c r="B340" s="17" t="s">
        <v>664</v>
      </c>
      <c r="C340" s="12" t="s">
        <v>665</v>
      </c>
      <c r="D340" s="6"/>
    </row>
    <row r="341" spans="2:4">
      <c r="B341" s="17" t="s">
        <v>666</v>
      </c>
      <c r="C341" s="13" t="s">
        <v>667</v>
      </c>
      <c r="D341" s="6"/>
    </row>
    <row r="342" spans="2:4" ht="171">
      <c r="B342" s="17" t="s">
        <v>668</v>
      </c>
      <c r="C342" s="14" t="s">
        <v>669</v>
      </c>
      <c r="D342" s="6" t="s">
        <v>748</v>
      </c>
    </row>
    <row r="343" spans="2:4">
      <c r="B343" s="17" t="s">
        <v>670</v>
      </c>
      <c r="C343" s="13" t="s">
        <v>671</v>
      </c>
      <c r="D343" s="6"/>
    </row>
    <row r="344" spans="2:4" ht="85.5">
      <c r="B344" s="17" t="s">
        <v>672</v>
      </c>
      <c r="C344" s="14" t="s">
        <v>673</v>
      </c>
      <c r="D344" s="6" t="s">
        <v>749</v>
      </c>
    </row>
    <row r="345" spans="2:4">
      <c r="B345" s="17" t="s">
        <v>674</v>
      </c>
      <c r="C345" s="13" t="s">
        <v>675</v>
      </c>
      <c r="D345" s="6"/>
    </row>
    <row r="346" spans="2:4" ht="28.5">
      <c r="B346" s="17" t="s">
        <v>676</v>
      </c>
      <c r="C346" s="14" t="s">
        <v>677</v>
      </c>
      <c r="D346" s="6" t="s">
        <v>750</v>
      </c>
    </row>
    <row r="347" spans="2:4">
      <c r="B347" s="17" t="s">
        <v>678</v>
      </c>
      <c r="C347" s="13" t="s">
        <v>679</v>
      </c>
      <c r="D347" s="6"/>
    </row>
    <row r="348" spans="2:4" ht="28.5">
      <c r="B348" s="17" t="s">
        <v>680</v>
      </c>
      <c r="C348" s="14" t="s">
        <v>681</v>
      </c>
      <c r="D348" s="6" t="s">
        <v>750</v>
      </c>
    </row>
    <row r="349" spans="2:4">
      <c r="B349" s="17" t="s">
        <v>682</v>
      </c>
      <c r="C349" s="13" t="s">
        <v>683</v>
      </c>
      <c r="D349" s="6"/>
    </row>
    <row r="350" spans="2:4" ht="85.5">
      <c r="B350" s="17" t="s">
        <v>684</v>
      </c>
      <c r="C350" s="14" t="s">
        <v>724</v>
      </c>
      <c r="D350" s="6" t="s">
        <v>751</v>
      </c>
    </row>
    <row r="351" spans="2:4" ht="85.5">
      <c r="B351" s="17" t="s">
        <v>685</v>
      </c>
      <c r="C351" s="14" t="s">
        <v>725</v>
      </c>
      <c r="D351" s="6" t="s">
        <v>751</v>
      </c>
    </row>
    <row r="352" spans="2:4">
      <c r="B352" s="17" t="s">
        <v>686</v>
      </c>
      <c r="C352" s="13" t="s">
        <v>687</v>
      </c>
      <c r="D352" s="6"/>
    </row>
    <row r="353" spans="2:4" ht="42.75">
      <c r="B353" s="17" t="s">
        <v>688</v>
      </c>
      <c r="C353" s="14" t="s">
        <v>726</v>
      </c>
      <c r="D353" s="6" t="s">
        <v>752</v>
      </c>
    </row>
    <row r="354" spans="2:4" ht="42.75">
      <c r="B354" s="17" t="s">
        <v>689</v>
      </c>
      <c r="C354" s="14" t="s">
        <v>727</v>
      </c>
      <c r="D354" s="6" t="s">
        <v>752</v>
      </c>
    </row>
    <row r="355" spans="2:4" ht="42.75">
      <c r="B355" s="17" t="s">
        <v>690</v>
      </c>
      <c r="C355" s="14" t="s">
        <v>728</v>
      </c>
      <c r="D355" s="6" t="s">
        <v>752</v>
      </c>
    </row>
    <row r="356" spans="2:4">
      <c r="B356" s="17" t="s">
        <v>691</v>
      </c>
      <c r="C356" s="13" t="s">
        <v>692</v>
      </c>
      <c r="D356" s="6"/>
    </row>
    <row r="357" spans="2:4" ht="57">
      <c r="B357" s="17" t="s">
        <v>693</v>
      </c>
      <c r="C357" s="14" t="s">
        <v>729</v>
      </c>
      <c r="D357" s="6" t="s">
        <v>753</v>
      </c>
    </row>
    <row r="358" spans="2:4" ht="57">
      <c r="B358" s="17" t="s">
        <v>694</v>
      </c>
      <c r="C358" s="14" t="s">
        <v>730</v>
      </c>
      <c r="D358" s="6" t="s">
        <v>753</v>
      </c>
    </row>
    <row r="359" spans="2:4" ht="57">
      <c r="B359" s="17" t="s">
        <v>695</v>
      </c>
      <c r="C359" s="14" t="s">
        <v>731</v>
      </c>
      <c r="D359" s="6" t="s">
        <v>753</v>
      </c>
    </row>
    <row r="360" spans="2:4">
      <c r="B360" s="17" t="s">
        <v>696</v>
      </c>
      <c r="C360" s="13" t="s">
        <v>697</v>
      </c>
      <c r="D360" s="6"/>
    </row>
    <row r="361" spans="2:4" ht="128.25">
      <c r="B361" s="17" t="s">
        <v>699</v>
      </c>
      <c r="C361" s="14" t="s">
        <v>732</v>
      </c>
      <c r="D361" s="6" t="s">
        <v>754</v>
      </c>
    </row>
    <row r="362" spans="2:4" ht="71.25">
      <c r="B362" s="17" t="s">
        <v>700</v>
      </c>
      <c r="C362" s="14" t="s">
        <v>733</v>
      </c>
      <c r="D362" s="6" t="s">
        <v>755</v>
      </c>
    </row>
    <row r="363" spans="2:4" ht="99.75">
      <c r="B363" s="17" t="s">
        <v>701</v>
      </c>
      <c r="C363" s="14" t="s">
        <v>734</v>
      </c>
      <c r="D363" s="6" t="s">
        <v>756</v>
      </c>
    </row>
    <row r="364" spans="2:4" ht="57">
      <c r="B364" s="17" t="s">
        <v>702</v>
      </c>
      <c r="C364" s="14" t="s">
        <v>735</v>
      </c>
      <c r="D364" s="6" t="s">
        <v>757</v>
      </c>
    </row>
    <row r="365" spans="2:4" ht="71.25">
      <c r="B365" s="17" t="s">
        <v>703</v>
      </c>
      <c r="C365" s="14" t="s">
        <v>736</v>
      </c>
      <c r="D365" s="6" t="s">
        <v>755</v>
      </c>
    </row>
    <row r="366" spans="2:4" ht="71.25">
      <c r="B366" s="17" t="s">
        <v>704</v>
      </c>
      <c r="C366" s="14" t="s">
        <v>737</v>
      </c>
      <c r="D366" s="6" t="s">
        <v>758</v>
      </c>
    </row>
    <row r="367" spans="2:4" ht="99.75">
      <c r="B367" s="17" t="s">
        <v>705</v>
      </c>
      <c r="C367" s="14" t="s">
        <v>738</v>
      </c>
      <c r="D367" s="6" t="s">
        <v>756</v>
      </c>
    </row>
    <row r="368" spans="2:4" ht="85.5">
      <c r="B368" s="17" t="s">
        <v>706</v>
      </c>
      <c r="C368" s="14" t="s">
        <v>739</v>
      </c>
      <c r="D368" s="6" t="s">
        <v>759</v>
      </c>
    </row>
    <row r="369" spans="2:4" ht="57">
      <c r="B369" s="17" t="s">
        <v>707</v>
      </c>
      <c r="C369" s="14" t="s">
        <v>740</v>
      </c>
      <c r="D369" s="6" t="s">
        <v>760</v>
      </c>
    </row>
    <row r="370" spans="2:4" ht="85.5">
      <c r="B370" s="17" t="s">
        <v>708</v>
      </c>
      <c r="C370" s="14" t="s">
        <v>741</v>
      </c>
      <c r="D370" s="6" t="s">
        <v>759</v>
      </c>
    </row>
    <row r="371" spans="2:4" ht="85.5">
      <c r="B371" s="17" t="s">
        <v>709</v>
      </c>
      <c r="C371" s="14" t="s">
        <v>742</v>
      </c>
      <c r="D371" s="6" t="s">
        <v>759</v>
      </c>
    </row>
    <row r="372" spans="2:4" ht="42.75">
      <c r="B372" s="17" t="s">
        <v>710</v>
      </c>
      <c r="C372" s="14" t="s">
        <v>743</v>
      </c>
      <c r="D372" s="6" t="s">
        <v>761</v>
      </c>
    </row>
    <row r="373" spans="2:4" ht="99.75">
      <c r="B373" s="17" t="s">
        <v>711</v>
      </c>
      <c r="C373" s="14" t="s">
        <v>744</v>
      </c>
      <c r="D373" s="6" t="s">
        <v>762</v>
      </c>
    </row>
    <row r="374" spans="2:4" ht="28.5">
      <c r="B374" s="17" t="s">
        <v>712</v>
      </c>
      <c r="C374" s="14" t="s">
        <v>745</v>
      </c>
      <c r="D374" s="6" t="s">
        <v>763</v>
      </c>
    </row>
    <row r="375" spans="2:4" ht="42.75">
      <c r="B375" s="17" t="s">
        <v>713</v>
      </c>
      <c r="C375" s="14" t="s">
        <v>746</v>
      </c>
      <c r="D375" s="6" t="s">
        <v>764</v>
      </c>
    </row>
    <row r="376" spans="2:4" ht="42.75">
      <c r="B376" s="17" t="s">
        <v>698</v>
      </c>
      <c r="C376" s="14" t="s">
        <v>747</v>
      </c>
      <c r="D376" s="6" t="s">
        <v>721</v>
      </c>
    </row>
    <row r="377" spans="2:4">
      <c r="B377" s="17" t="s">
        <v>714</v>
      </c>
      <c r="C377" s="13" t="s">
        <v>715</v>
      </c>
      <c r="D377" s="6"/>
    </row>
    <row r="378" spans="2:4" ht="28.5">
      <c r="B378" s="17" t="s">
        <v>716</v>
      </c>
      <c r="C378" s="14" t="s">
        <v>717</v>
      </c>
      <c r="D378" s="6" t="s">
        <v>765</v>
      </c>
    </row>
    <row r="379" spans="2:4">
      <c r="B379" s="17" t="s">
        <v>718</v>
      </c>
      <c r="C379" s="13" t="s">
        <v>719</v>
      </c>
      <c r="D379" s="6"/>
    </row>
    <row r="380" spans="2:4" ht="28.5">
      <c r="B380" s="17" t="s">
        <v>720</v>
      </c>
      <c r="C380" s="10" t="s">
        <v>719</v>
      </c>
      <c r="D380" s="6" t="s">
        <v>766</v>
      </c>
    </row>
    <row r="381" spans="2:4" ht="15" thickBot="1">
      <c r="B381" s="18"/>
      <c r="C381" s="15"/>
      <c r="D381" s="7"/>
    </row>
  </sheetData>
  <autoFilter ref="B4:D380"/>
  <pageMargins left="0.23622047244094491" right="0.23622047244094491" top="0.74803149606299213" bottom="0.74803149606299213" header="0.31496062992125984" footer="0.31496062992125984"/>
  <pageSetup paperSize="9" scale="52" fitToHeight="0" orientation="portrait" r:id="rId1"/>
  <headerFooter>
    <oddHeader>&amp;F</oddHeader>
    <oddFooter>&amp;F</oddFooter>
  </headerFooter>
  <rowBreaks count="7" manualBreakCount="7">
    <brk id="85" max="3" man="1"/>
    <brk id="123" max="3" man="1"/>
    <brk id="164" max="3" man="1"/>
    <brk id="219" max="16383" man="1"/>
    <brk id="274" max="3" man="1"/>
    <brk id="338" max="16383" man="1"/>
    <brk id="366" max="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vt:i4>
      </vt:variant>
      <vt:variant>
        <vt:lpstr>Intervalli denominati</vt:lpstr>
      </vt:variant>
      <vt:variant>
        <vt:i4>2</vt:i4>
      </vt:variant>
    </vt:vector>
  </HeadingPairs>
  <TitlesOfParts>
    <vt:vector size="3" baseType="lpstr">
      <vt:lpstr>CategoryTree_20250409</vt:lpstr>
      <vt:lpstr>CategoryTree_20250409!Area_stampa</vt:lpstr>
      <vt:lpstr>CategoryTree_20250409!Titoli_stamp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amilano</dc:creator>
  <cp:lastModifiedBy>Fargnoli Alberto</cp:lastModifiedBy>
  <cp:lastPrinted>2025-04-11T10:59:53Z</cp:lastPrinted>
  <dcterms:created xsi:type="dcterms:W3CDTF">2024-05-15T14:16:28Z</dcterms:created>
  <dcterms:modified xsi:type="dcterms:W3CDTF">2025-04-11T12:25:08Z</dcterms:modified>
</cp:coreProperties>
</file>